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52"/>
  <workbookPr defaultThemeVersion="166925"/>
  <mc:AlternateContent xmlns:mc="http://schemas.openxmlformats.org/markup-compatibility/2006">
    <mc:Choice Requires="x15">
      <x15ac:absPath xmlns:x15ac="http://schemas.microsoft.com/office/spreadsheetml/2010/11/ac" url="K:\A01　公式Webサイト\05　各室ドキュメント類\企画室\科研費\科研費入札2023_再\"/>
    </mc:Choice>
  </mc:AlternateContent>
  <xr:revisionPtr revIDLastSave="0" documentId="13_ncr:1_{60D02612-A40D-409F-947B-19D2534245A1}" xr6:coauthVersionLast="36" xr6:coauthVersionMax="36" xr10:uidLastSave="{00000000-0000-0000-0000-000000000000}"/>
  <bookViews>
    <workbookView xWindow="0" yWindow="0" windowWidth="28800" windowHeight="12135" xr2:uid="{987CD389-D1EC-4B69-9A08-9B82971E7F1C}"/>
  </bookViews>
  <sheets>
    <sheet name="委任" sheetId="2" r:id="rId1"/>
  </sheets>
  <externalReferences>
    <externalReference r:id="rId2"/>
    <externalReference r:id="rId3"/>
    <externalReference r:id="rId4"/>
  </externalReferences>
  <definedNames>
    <definedName name="_Fill" localSheetId="0" hidden="1">#REF!</definedName>
    <definedName name="_Fill" hidden="1">#REF!</definedName>
    <definedName name="PAGE01">#REF!</definedName>
    <definedName name="PAGE23">#REF!</definedName>
    <definedName name="PAGE24">#REF!</definedName>
    <definedName name="PAGE26">#REF!</definedName>
    <definedName name="PAGE27">#REF!</definedName>
    <definedName name="PAGE28">#REF!</definedName>
    <definedName name="ｺｰﾄﾞ">#REF!</definedName>
    <definedName name="てｓｔ">#REF!</definedName>
    <definedName name="回答日">[1]入力!$D$17</definedName>
    <definedName name="業者">[1]入力!$H$7:$N$80</definedName>
    <definedName name="契約日">[1]入力!$C$6</definedName>
    <definedName name="見積期限">[2]入力!$C$18</definedName>
    <definedName name="見積番号">[2]入力!$C$14</definedName>
    <definedName name="見積比較印刷">#REF!</definedName>
    <definedName name="工期始">[1]入力!$C$2</definedName>
    <definedName name="工期終">[1]入力!$C$3</definedName>
    <definedName name="工事箇所">#REF!</definedName>
    <definedName name="工事名">[1]入力!$C$1</definedName>
    <definedName name="合計印刷">#REF!</definedName>
    <definedName name="施工箇所">#REF!</definedName>
    <definedName name="辞退期限">[1]入力!$C$18</definedName>
    <definedName name="質問期限">[1]入力!$D$16</definedName>
    <definedName name="住所">#REF!</definedName>
    <definedName name="商号">#REF!</definedName>
    <definedName name="場所">[3]制御!$A$28:$B$31</definedName>
    <definedName name="請負金">[1]入力!$C$5</definedName>
    <definedName name="請負者">[1]入力!$A$8</definedName>
    <definedName name="請負者コード">#REF!</definedName>
    <definedName name="説明会日付">[1]入力!$C$15</definedName>
    <definedName name="全体">#REF!</definedName>
    <definedName name="代表">#REF!</definedName>
    <definedName name="入札時間">[1]入力!$C$23</definedName>
    <definedName name="入札日">[1]入力!$C$22</definedName>
    <definedName name="入札番号">[1]入力!$C$13</definedName>
    <definedName name="番号">[3]制御!$A$79:$B$80</definedName>
    <definedName name="表">[3]一覧!$A$2:$AD$42</definedName>
    <definedName name="複合単価印刷">#REF!</definedName>
    <definedName name="文書日付1">[1]入力!$C$12</definedName>
    <definedName name="文書日付2">[1]入力!$C$44</definedName>
    <definedName name="文書日付3">[1]入力!$C$47</definedName>
    <definedName name="文書番号1">[1]入力!$C$11</definedName>
    <definedName name="文書番号2">[1]入力!$C$43</definedName>
    <definedName name="文書番号3">[1]入力!$C$46</definedName>
    <definedName name="労務単価">#REF!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4" uniqueCount="17">
  <si>
    <t>入札番号</t>
    <rPh sb="0" eb="2">
      <t>ニュウサツ</t>
    </rPh>
    <rPh sb="2" eb="4">
      <t>バンゴウ</t>
    </rPh>
    <phoneticPr fontId="1"/>
  </si>
  <si>
    <t>委　　　任　　　状</t>
    <phoneticPr fontId="1"/>
  </si>
  <si>
    <t>代理人の印</t>
  </si>
  <si>
    <t>私は、</t>
  </si>
  <si>
    <t>を代理人と定め、下記の入札に関する</t>
    <phoneticPr fontId="1"/>
  </si>
  <si>
    <t>一切の権限を委任します。</t>
  </si>
  <si>
    <t>記</t>
  </si>
  <si>
    <t>１．</t>
    <phoneticPr fontId="1"/>
  </si>
  <si>
    <t>２．</t>
    <phoneticPr fontId="1"/>
  </si>
  <si>
    <t>件　名</t>
    <rPh sb="0" eb="1">
      <t>ケン</t>
    </rPh>
    <rPh sb="2" eb="3">
      <t>メイ</t>
    </rPh>
    <phoneticPr fontId="1"/>
  </si>
  <si>
    <r>
      <t>　　</t>
    </r>
    <r>
      <rPr>
        <sz val="12"/>
        <rFont val="ＭＳ 明朝"/>
        <family val="1"/>
        <charset val="128"/>
      </rPr>
      <t>　　　年　　　月　　　日</t>
    </r>
    <phoneticPr fontId="1"/>
  </si>
  <si>
    <t>住　　　　所</t>
    <phoneticPr fontId="1"/>
  </si>
  <si>
    <t>商　　　　号</t>
    <rPh sb="0" eb="1">
      <t>ショウ</t>
    </rPh>
    <rPh sb="5" eb="6">
      <t>ゴウ</t>
    </rPh>
    <phoneticPr fontId="1"/>
  </si>
  <si>
    <t>氏　　　　名</t>
    <phoneticPr fontId="1"/>
  </si>
  <si>
    <t>　　　　　　（注）法人の場合は、会社印及び代表者印を押印して下さい。</t>
    <rPh sb="23" eb="24">
      <t>シャ</t>
    </rPh>
    <phoneticPr fontId="1"/>
  </si>
  <si>
    <t>「障害者世帯のライフコースに関する調査研究」実施業務</t>
    <phoneticPr fontId="1"/>
  </si>
  <si>
    <t>委　第23号</t>
    <rPh sb="0" eb="1">
      <t>イ</t>
    </rPh>
    <rPh sb="2" eb="3">
      <t>ダイ</t>
    </rPh>
    <rPh sb="5" eb="6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16"/>
      <name val="ＭＳ 明朝"/>
      <family val="1"/>
      <charset val="128"/>
    </font>
    <font>
      <sz val="9"/>
      <name val="ＭＳ 明朝"/>
      <family val="1"/>
      <charset val="128"/>
    </font>
    <font>
      <sz val="12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10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</borders>
  <cellStyleXfs count="1">
    <xf numFmtId="0" fontId="0" fillId="0" borderId="0"/>
  </cellStyleXfs>
  <cellXfs count="29">
    <xf numFmtId="0" fontId="0" fillId="0" borderId="0" xfId="0"/>
    <xf numFmtId="0" fontId="2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2" fillId="0" borderId="0" xfId="0" applyFont="1" applyBorder="1" applyAlignment="1">
      <alignment vertical="center"/>
    </xf>
    <xf numFmtId="0" fontId="2" fillId="0" borderId="1" xfId="0" applyFont="1" applyBorder="1" applyAlignment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left" vertical="center"/>
    </xf>
    <xf numFmtId="0" fontId="2" fillId="0" borderId="0" xfId="0" applyFont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6" xfId="0" applyFont="1" applyBorder="1" applyAlignment="1">
      <alignment vertical="center"/>
    </xf>
    <xf numFmtId="0" fontId="2" fillId="0" borderId="7" xfId="0" applyFont="1" applyBorder="1" applyAlignment="1">
      <alignment vertical="center"/>
    </xf>
    <xf numFmtId="0" fontId="2" fillId="0" borderId="8" xfId="0" applyFont="1" applyBorder="1" applyAlignment="1">
      <alignment vertical="center"/>
    </xf>
    <xf numFmtId="0" fontId="2" fillId="0" borderId="9" xfId="0" applyFont="1" applyBorder="1" applyAlignment="1">
      <alignment vertical="center"/>
    </xf>
    <xf numFmtId="0" fontId="2" fillId="0" borderId="0" xfId="0" quotePrefix="1" applyFont="1" applyBorder="1" applyAlignment="1">
      <alignment vertical="center"/>
    </xf>
    <xf numFmtId="0" fontId="2" fillId="0" borderId="0" xfId="0" applyFont="1" applyBorder="1" applyAlignment="1">
      <alignment horizontal="distributed" vertical="center"/>
    </xf>
    <xf numFmtId="58" fontId="2" fillId="0" borderId="0" xfId="0" applyNumberFormat="1" applyFont="1" applyBorder="1" applyAlignment="1">
      <alignment vertical="center"/>
    </xf>
    <xf numFmtId="0" fontId="2" fillId="0" borderId="0" xfId="0" applyFont="1" applyBorder="1" applyAlignment="1">
      <alignment horizontal="center" vertical="center"/>
    </xf>
    <xf numFmtId="0" fontId="4" fillId="0" borderId="0" xfId="0" applyFont="1" applyAlignment="1">
      <alignment horizontal="center" vertical="top"/>
    </xf>
    <xf numFmtId="0" fontId="5" fillId="0" borderId="2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2" fillId="0" borderId="0" xfId="0" applyFont="1" applyBorder="1" applyAlignment="1">
      <alignment vertical="center" shrinkToFit="1"/>
    </xf>
    <xf numFmtId="0" fontId="2" fillId="0" borderId="0" xfId="0" quotePrefix="1" applyFont="1" applyBorder="1" applyAlignment="1">
      <alignment vertical="center"/>
    </xf>
    <xf numFmtId="0" fontId="2" fillId="0" borderId="0" xfId="0" applyFont="1" applyBorder="1" applyAlignment="1">
      <alignment horizontal="distributed" vertical="center"/>
    </xf>
    <xf numFmtId="0" fontId="2" fillId="2" borderId="0" xfId="0" applyFont="1" applyFill="1" applyBorder="1" applyAlignment="1">
      <alignment vertical="center" wrapText="1"/>
    </xf>
    <xf numFmtId="0" fontId="6" fillId="2" borderId="0" xfId="0" applyFont="1" applyFill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0093002\Desktop\&#65288;&#28168;&#12288;&#36960;&#37444;&#24314;&#35373;&#65289;&#65288;2021&#65289;&#12304;&#24037;&#20107;300&#20197;&#19978;&#12305;&#22806;&#22721;&#20462;&#32341;&#65288;&#65300;&#24037;&#21306;&#65289;\&#12304;&#24037;&#20107;300&#20197;&#19978;&#12305;&#22806;&#22721;&#20462;&#32341;&#65288;4&#24037;&#21306;&#65289;.xlsm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neko1dozen\Downloads\&#12304;&#22996;&#35351;250&#20197;&#19978;&#12305;131008&#12454;&#12457;&#12471;&#12517;&#12524;&#12483;&#12488;&#26356;&#26032;&#24037;&#20107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hi-ken-hd01\kenchiku\&#20849;&#26377;&#12501;&#12449;&#12452;&#12523;\14&#20837;&#26413;&#27096;&#24335;&#26032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委任 (2)"/>
      <sheetName val="検査復命 (2022年度)"/>
      <sheetName val="合格通知 (2022年度用)"/>
      <sheetName val="検査復命 (2021年度分)"/>
      <sheetName val="合格通知 (2021年度分)"/>
      <sheetName val="検査復命"/>
      <sheetName val="合格通知(使用しない）"/>
      <sheetName val="検査写真(４工区分2022年度分)"/>
      <sheetName val="経費(簡易)"/>
      <sheetName val="入力"/>
      <sheetName val="質疑回答（これは使用しない）"/>
      <sheetName val="金額内訳"/>
      <sheetName val="入札伺（2021-2022用）"/>
      <sheetName val="支出伺 (2021-2022用) (区分けしない形)"/>
      <sheetName val="支出伺（変更）（2021-2022用)"/>
      <sheetName val="支出伺（2022年度分）（2021-2022用)"/>
      <sheetName val="支出伺（2022年度契約変更（2021-2022用)使用"/>
      <sheetName val="支出伺（2022年度契約変更（2021-2022用)まとめ"/>
      <sheetName val="理由書"/>
      <sheetName val="指名"/>
      <sheetName val="受注実績"/>
      <sheetName val="通知"/>
      <sheetName val="監督員"/>
      <sheetName val="契約書"/>
      <sheetName val="仕様"/>
      <sheetName val="変更契約書 (２回目)"/>
      <sheetName val="変更契約書（１回目2021分）"/>
      <sheetName val="見積比較 "/>
      <sheetName val="設計書"/>
      <sheetName val="経費積算"/>
      <sheetName val="数量書"/>
      <sheetName val="送付資料"/>
      <sheetName val="留意"/>
      <sheetName val="質疑注意書"/>
      <sheetName val="質疑書"/>
      <sheetName val="入札書"/>
      <sheetName val="内訳書"/>
      <sheetName val="委任"/>
      <sheetName val="辞退"/>
      <sheetName val="予価"/>
      <sheetName val="カバーレター"/>
      <sheetName val="カバーレター (こちらを使用)"/>
      <sheetName val="a4封筒"/>
      <sheetName val="進行表"/>
      <sheetName val="結果"/>
      <sheetName val="ﾁｪｯｸﾘｽﾄ"/>
      <sheetName val="会場掲示"/>
      <sheetName val="会場掲示 (件名個別入力)"/>
      <sheetName val="支出伺"/>
      <sheetName val="説明会出欠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>
        <row r="1">
          <cell r="C1" t="str">
            <v>2021～2022年度屋外壁面等修繕工事（４工区）</v>
          </cell>
        </row>
        <row r="2">
          <cell r="C2" t="str">
            <v>契約の日</v>
          </cell>
        </row>
        <row r="3">
          <cell r="C3">
            <v>45016</v>
          </cell>
        </row>
        <row r="5">
          <cell r="C5">
            <v>148065146</v>
          </cell>
        </row>
        <row r="6">
          <cell r="C6">
            <v>44280</v>
          </cell>
        </row>
        <row r="7">
          <cell r="H7">
            <v>200001</v>
          </cell>
          <cell r="I7" t="str">
            <v>エルゴテック株式会社
静岡営業所</v>
          </cell>
          <cell r="J7" t="str">
            <v>静岡市葵区駒形通4-2-25 ﾍﾞﾚﾎﾟｯｸ水上屋ﾋﾞﾙ2階B号</v>
          </cell>
          <cell r="K7" t="str">
            <v>所長　太田　喜久男</v>
          </cell>
          <cell r="L7" t="str">
            <v>420-0042</v>
          </cell>
          <cell r="M7" t="str">
            <v>054-252-6462</v>
          </cell>
          <cell r="N7" t="str">
            <v>054-253-4523</v>
          </cell>
        </row>
        <row r="8">
          <cell r="A8">
            <v>18</v>
          </cell>
          <cell r="H8">
            <v>200002</v>
          </cell>
          <cell r="I8" t="str">
            <v>株式会社中部技術サービス
浜松支店</v>
          </cell>
          <cell r="J8" t="str">
            <v>浜松市北区豊岡町325-1</v>
          </cell>
          <cell r="L8" t="str">
            <v>433-8103</v>
          </cell>
          <cell r="M8" t="str">
            <v>053-439-3020</v>
          </cell>
          <cell r="N8" t="str">
            <v>053-439-3022</v>
          </cell>
        </row>
        <row r="9">
          <cell r="H9">
            <v>200003</v>
          </cell>
          <cell r="I9" t="str">
            <v>つぼい工業株式会社</v>
          </cell>
          <cell r="J9" t="str">
            <v>浜松市北区三方原町874-5</v>
          </cell>
          <cell r="L9" t="str">
            <v>433-8105</v>
          </cell>
          <cell r="M9" t="str">
            <v>053-438-1111</v>
          </cell>
          <cell r="N9" t="str">
            <v>053-438-1118</v>
          </cell>
        </row>
        <row r="10">
          <cell r="H10">
            <v>200004</v>
          </cell>
          <cell r="I10" t="str">
            <v>東海サーモエンジニアリング株式会社</v>
          </cell>
          <cell r="J10" t="str">
            <v>浜松市東区篠ケ瀬町1278</v>
          </cell>
          <cell r="L10" t="str">
            <v>435-0042</v>
          </cell>
          <cell r="M10" t="str">
            <v>053-421-4191</v>
          </cell>
          <cell r="N10" t="str">
            <v>053-422-0496</v>
          </cell>
        </row>
        <row r="11">
          <cell r="C11">
            <v>25</v>
          </cell>
          <cell r="H11">
            <v>200005</v>
          </cell>
          <cell r="I11" t="str">
            <v>日管株式会社</v>
          </cell>
          <cell r="J11" t="str">
            <v>浜松市中区池町220-4</v>
          </cell>
          <cell r="L11" t="str">
            <v>430-0945</v>
          </cell>
          <cell r="M11" t="str">
            <v>053-459-3000</v>
          </cell>
          <cell r="N11" t="str">
            <v>053-459-3040</v>
          </cell>
        </row>
        <row r="12">
          <cell r="C12">
            <v>44309</v>
          </cell>
          <cell r="H12">
            <v>200006</v>
          </cell>
          <cell r="I12" t="str">
            <v>株式会社ハマネン設備センター</v>
          </cell>
          <cell r="J12" t="str">
            <v>浜松市西区入野町619-4</v>
          </cell>
          <cell r="L12" t="str">
            <v>432-8061</v>
          </cell>
          <cell r="M12" t="str">
            <v>053-448-5005</v>
          </cell>
          <cell r="N12" t="str">
            <v>053-449-4486</v>
          </cell>
        </row>
        <row r="13">
          <cell r="C13" t="str">
            <v>工第002号</v>
          </cell>
          <cell r="H13">
            <v>200007</v>
          </cell>
          <cell r="I13" t="str">
            <v>不二熱学工業株式会社
浜松営業所</v>
          </cell>
          <cell r="J13" t="str">
            <v>浜松市東区上西町8-8</v>
          </cell>
          <cell r="K13" t="str">
            <v>所長　横田 康則</v>
          </cell>
          <cell r="L13" t="str">
            <v>435-0048</v>
          </cell>
          <cell r="M13" t="str">
            <v>053-464-1051</v>
          </cell>
          <cell r="N13" t="str">
            <v>053-464-1053</v>
          </cell>
        </row>
        <row r="14">
          <cell r="H14">
            <v>200008</v>
          </cell>
          <cell r="I14" t="str">
            <v>ヤマザキ・シー・エー株式会社</v>
          </cell>
          <cell r="J14" t="str">
            <v>浜松市中区上島2-19-20</v>
          </cell>
          <cell r="L14" t="str">
            <v>433-8122</v>
          </cell>
          <cell r="M14" t="str">
            <v>053-472-0141</v>
          </cell>
          <cell r="N14" t="str">
            <v>053-474-2748</v>
          </cell>
        </row>
        <row r="15">
          <cell r="C15">
            <v>44330</v>
          </cell>
          <cell r="H15">
            <v>200009</v>
          </cell>
          <cell r="I15" t="str">
            <v>菱和設備株式会社</v>
          </cell>
          <cell r="J15" t="str">
            <v>静岡市葵区葵区清閑町14-5</v>
          </cell>
          <cell r="L15" t="str">
            <v>420-0047</v>
          </cell>
          <cell r="M15" t="str">
            <v>054-254-8321</v>
          </cell>
          <cell r="N15" t="str">
            <v>054-253-5746</v>
          </cell>
        </row>
        <row r="16">
          <cell r="D16" t="str">
            <v>2021年5月14日</v>
          </cell>
          <cell r="H16">
            <v>200010</v>
          </cell>
          <cell r="I16" t="str">
            <v>アズビル株式会社ビルシステムカンパニー中部支社</v>
          </cell>
          <cell r="J16" t="str">
            <v>名古屋市中区正木3-5-27</v>
          </cell>
          <cell r="K16" t="str">
            <v>執行役員支社長　丸山 哲也</v>
          </cell>
          <cell r="L16" t="str">
            <v>460-0024</v>
          </cell>
          <cell r="M16" t="str">
            <v>052-350-2031</v>
          </cell>
          <cell r="N16" t="str">
            <v>052-332-1324</v>
          </cell>
        </row>
        <row r="17">
          <cell r="D17" t="str">
            <v>2021年5月21日</v>
          </cell>
          <cell r="H17">
            <v>200011</v>
          </cell>
          <cell r="I17" t="str">
            <v>藤吉工業株式会社
浜松支店</v>
          </cell>
          <cell r="J17" t="str">
            <v>浜松市東区薬師町5</v>
          </cell>
          <cell r="K17" t="str">
            <v>山口　政幸</v>
          </cell>
          <cell r="L17" t="str">
            <v>433-8103</v>
          </cell>
          <cell r="M17" t="str">
            <v>053-422-3231</v>
          </cell>
          <cell r="N17" t="str">
            <v>053-422-3534</v>
          </cell>
        </row>
        <row r="18">
          <cell r="C18">
            <v>44342</v>
          </cell>
        </row>
        <row r="22">
          <cell r="C22">
            <v>44343</v>
          </cell>
          <cell r="H22">
            <v>200013</v>
          </cell>
          <cell r="I22" t="str">
            <v>日本ビルシステム㈱</v>
          </cell>
          <cell r="J22" t="str">
            <v>港区芝大門2-3-6</v>
          </cell>
          <cell r="L22" t="str">
            <v>105-0012</v>
          </cell>
          <cell r="M22" t="str">
            <v>03-3433-0102</v>
          </cell>
          <cell r="N22" t="str">
            <v>03-3433-0106</v>
          </cell>
        </row>
        <row r="23">
          <cell r="C23">
            <v>0.41666666666666669</v>
          </cell>
          <cell r="H23">
            <v>210011</v>
          </cell>
          <cell r="I23" t="str">
            <v>三幸㈱</v>
          </cell>
          <cell r="J23" t="str">
            <v>渋谷区千駄ヶ谷4-2-12</v>
          </cell>
          <cell r="L23" t="str">
            <v>151-0051</v>
          </cell>
          <cell r="M23" t="str">
            <v>053-458-9851</v>
          </cell>
          <cell r="N23" t="str">
            <v>053-458-9852</v>
          </cell>
        </row>
        <row r="24">
          <cell r="H24">
            <v>220016</v>
          </cell>
          <cell r="I24" t="str">
            <v>静岡県ビルメンテナンス協同組合</v>
          </cell>
          <cell r="J24" t="str">
            <v>静岡市葵区駿河町4-14</v>
          </cell>
          <cell r="K24" t="str">
            <v>理事長　宮本　隆</v>
          </cell>
          <cell r="L24" t="str">
            <v>420-0036</v>
          </cell>
          <cell r="M24" t="str">
            <v>054-205-1000</v>
          </cell>
          <cell r="N24" t="str">
            <v>054-205-1015</v>
          </cell>
        </row>
        <row r="25">
          <cell r="H25">
            <v>220026</v>
          </cell>
          <cell r="I25" t="str">
            <v>清水建設株式会社　名古屋支店</v>
          </cell>
          <cell r="J25" t="str">
            <v>名古屋市中区錦1丁目3番7号</v>
          </cell>
          <cell r="K25" t="str">
            <v>支店長　並河　清</v>
          </cell>
          <cell r="L25" t="str">
            <v>460-8580</v>
          </cell>
          <cell r="M25" t="str">
            <v>053-465-5437</v>
          </cell>
          <cell r="N25" t="str">
            <v>053-465-5394</v>
          </cell>
        </row>
        <row r="26">
          <cell r="H26">
            <v>230003</v>
          </cell>
          <cell r="I26" t="str">
            <v>須山建設株式会社</v>
          </cell>
          <cell r="J26" t="str">
            <v>浜松市布橋2丁目6番1号</v>
          </cell>
          <cell r="K26" t="str">
            <v>取締役社長　須山　泰造</v>
          </cell>
          <cell r="L26" t="str">
            <v>432-8562</v>
          </cell>
          <cell r="M26" t="str">
            <v>053-471-3161</v>
          </cell>
          <cell r="N26" t="str">
            <v>053-471-9235</v>
          </cell>
        </row>
        <row r="27">
          <cell r="H27">
            <v>300001</v>
          </cell>
          <cell r="I27" t="str">
            <v>㈱ジャパンメンテナンス
中部支店</v>
          </cell>
          <cell r="J27" t="str">
            <v>名古屋市中村区名駅3-21-7名古屋三交ビル8階</v>
          </cell>
          <cell r="L27" t="str">
            <v>450-0002</v>
          </cell>
          <cell r="M27" t="str">
            <v>052-571-7601</v>
          </cell>
          <cell r="N27" t="str">
            <v>052-571-7604</v>
          </cell>
        </row>
        <row r="28">
          <cell r="H28">
            <v>300002</v>
          </cell>
          <cell r="I28" t="str">
            <v>㈱日本空調東海</v>
          </cell>
          <cell r="J28" t="str">
            <v>浜松市積志町93</v>
          </cell>
          <cell r="L28" t="str">
            <v>431-3114</v>
          </cell>
          <cell r="M28" t="str">
            <v>053-434-8211</v>
          </cell>
          <cell r="N28" t="str">
            <v>053-434-8665</v>
          </cell>
        </row>
        <row r="29">
          <cell r="H29">
            <v>300003</v>
          </cell>
          <cell r="I29" t="str">
            <v>㈱日立ビルシステム
中部支社</v>
          </cell>
          <cell r="J29" t="str">
            <v>名古屋市中村区名駅1-1-4</v>
          </cell>
          <cell r="L29" t="str">
            <v>450-0002</v>
          </cell>
          <cell r="M29" t="str">
            <v>053-453-4323</v>
          </cell>
          <cell r="N29" t="str">
            <v>053-455-2367</v>
          </cell>
        </row>
        <row r="30">
          <cell r="H30">
            <v>300004</v>
          </cell>
          <cell r="I30" t="str">
            <v>静岡ビル保全㈱</v>
          </cell>
          <cell r="J30" t="str">
            <v>静岡市葵区鷹匠2-23-9</v>
          </cell>
          <cell r="L30" t="str">
            <v>420-0839</v>
          </cell>
          <cell r="M30" t="str">
            <v>054-251-1161</v>
          </cell>
          <cell r="N30" t="str">
            <v>054-253-4670</v>
          </cell>
        </row>
        <row r="31">
          <cell r="H31">
            <v>300005</v>
          </cell>
          <cell r="I31" t="str">
            <v>第一建築サービス㈱</v>
          </cell>
          <cell r="J31" t="str">
            <v>大阪市北区堂島1-5-17</v>
          </cell>
          <cell r="L31" t="str">
            <v>530-0003</v>
          </cell>
          <cell r="M31" t="str">
            <v>053-458-5177</v>
          </cell>
          <cell r="N31" t="str">
            <v>053-458-5233</v>
          </cell>
        </row>
        <row r="32">
          <cell r="H32">
            <v>300006</v>
          </cell>
          <cell r="I32" t="str">
            <v>二幸産業㈱</v>
          </cell>
          <cell r="J32" t="str">
            <v>新宿区西新宿1-25-1</v>
          </cell>
          <cell r="L32" t="str">
            <v>163-0669</v>
          </cell>
          <cell r="M32" t="str">
            <v>053-450-9070</v>
          </cell>
          <cell r="N32" t="str">
            <v>053-450-9071</v>
          </cell>
        </row>
        <row r="33">
          <cell r="H33">
            <v>300007</v>
          </cell>
          <cell r="I33" t="str">
            <v>㈱メンテックカンザイ</v>
          </cell>
          <cell r="J33" t="str">
            <v>静岡市駿河区南町18-1</v>
          </cell>
          <cell r="L33" t="str">
            <v>422-8067</v>
          </cell>
          <cell r="M33" t="str">
            <v>054-280-2677</v>
          </cell>
          <cell r="N33" t="str">
            <v>054-285-6211</v>
          </cell>
        </row>
        <row r="34">
          <cell r="H34">
            <v>310003</v>
          </cell>
          <cell r="I34" t="str">
            <v>タケモト</v>
          </cell>
        </row>
        <row r="35">
          <cell r="H35">
            <v>350012</v>
          </cell>
          <cell r="I35" t="str">
            <v>東海ビル管理㈱</v>
          </cell>
          <cell r="J35" t="str">
            <v>浜松市東区和田町708-1</v>
          </cell>
          <cell r="K35" t="str">
            <v>代表取締役　高橋　守弘</v>
          </cell>
          <cell r="L35" t="str">
            <v>435-0016</v>
          </cell>
          <cell r="M35" t="str">
            <v>053-463-8000</v>
          </cell>
          <cell r="N35" t="str">
            <v>053-463-8002</v>
          </cell>
        </row>
        <row r="36">
          <cell r="H36">
            <v>350038</v>
          </cell>
          <cell r="I36" t="str">
            <v>東海美装興業㈱</v>
          </cell>
          <cell r="J36" t="str">
            <v>浜松市田町324-3</v>
          </cell>
          <cell r="L36" t="str">
            <v>430-0944</v>
          </cell>
          <cell r="M36" t="str">
            <v>053-456-3611</v>
          </cell>
          <cell r="N36" t="str">
            <v>053-456-3605</v>
          </cell>
        </row>
        <row r="37">
          <cell r="H37">
            <v>410001</v>
          </cell>
          <cell r="I37" t="str">
            <v>株式会社中村組</v>
          </cell>
          <cell r="J37" t="str">
            <v>浜松市住吉5丁目22番1号</v>
          </cell>
          <cell r="K37" t="str">
            <v>中村　嘉宏</v>
          </cell>
          <cell r="L37" t="str">
            <v>430-0906</v>
          </cell>
          <cell r="M37" t="str">
            <v>053-412-1125</v>
          </cell>
          <cell r="N37" t="str">
            <v>053-412-1132</v>
          </cell>
        </row>
        <row r="38">
          <cell r="H38">
            <v>410015</v>
          </cell>
          <cell r="I38" t="str">
            <v>中村建設株式会社</v>
          </cell>
          <cell r="J38" t="str">
            <v>浜松市中沢町71番23号</v>
          </cell>
          <cell r="K38" t="str">
            <v>中村　仁志</v>
          </cell>
          <cell r="L38" t="str">
            <v>430-0904</v>
          </cell>
          <cell r="M38" t="str">
            <v>053-471-3421</v>
          </cell>
          <cell r="N38" t="str">
            <v>053-471-3404</v>
          </cell>
        </row>
        <row r="39">
          <cell r="H39">
            <v>420028</v>
          </cell>
          <cell r="I39" t="str">
            <v>日管株式会社</v>
          </cell>
          <cell r="J39" t="str">
            <v>浜松市中区池町220-4</v>
          </cell>
          <cell r="K39" t="str">
            <v>代表取締役社長　三輪　容次郎</v>
          </cell>
          <cell r="L39" t="str">
            <v>430-0945</v>
          </cell>
          <cell r="M39" t="str">
            <v>053-459-3000</v>
          </cell>
          <cell r="N39" t="str">
            <v>053-459-3030</v>
          </cell>
        </row>
        <row r="40">
          <cell r="H40">
            <v>510035</v>
          </cell>
          <cell r="I40" t="str">
            <v>株式会社間組　静岡営業所</v>
          </cell>
          <cell r="J40" t="str">
            <v>静岡市南町6番16－202号</v>
          </cell>
          <cell r="K40" t="str">
            <v>所長　横 田　和 典</v>
          </cell>
          <cell r="L40" t="str">
            <v>422-8067</v>
          </cell>
          <cell r="M40" t="str">
            <v>054-288-0888</v>
          </cell>
          <cell r="N40" t="str">
            <v>054-284-7570</v>
          </cell>
        </row>
        <row r="41">
          <cell r="H41">
            <v>610101</v>
          </cell>
          <cell r="I41" t="str">
            <v>丸北建設株式会社</v>
          </cell>
          <cell r="J41" t="str">
            <v>浜松市三方原町968番地</v>
          </cell>
          <cell r="K41" t="str">
            <v>代表取締役　北田　和喜</v>
          </cell>
          <cell r="L41" t="str">
            <v>433-8105</v>
          </cell>
          <cell r="M41" t="str">
            <v>053-436-1001</v>
          </cell>
          <cell r="N41" t="str">
            <v>053-436-1178</v>
          </cell>
        </row>
        <row r="42">
          <cell r="H42">
            <v>710005</v>
          </cell>
          <cell r="I42" t="str">
            <v>山平建設株式会社</v>
          </cell>
          <cell r="J42" t="str">
            <v>浜松市馬込町202番地</v>
          </cell>
          <cell r="K42" t="str">
            <v>取締役社長　山下　健介</v>
          </cell>
          <cell r="L42" t="str">
            <v>430-0914</v>
          </cell>
          <cell r="M42" t="str">
            <v>053-454-6381</v>
          </cell>
          <cell r="N42" t="str">
            <v>053-455-4580</v>
          </cell>
        </row>
        <row r="43">
          <cell r="H43">
            <v>710007</v>
          </cell>
          <cell r="I43" t="str">
            <v>山武ﾋﾞﾙｼｽﾃﾑ株式会社　名古屋支店</v>
          </cell>
          <cell r="J43" t="str">
            <v>名古屋市中区錦3-5-27</v>
          </cell>
          <cell r="K43" t="str">
            <v>取締役支店長　大谷　幸則</v>
          </cell>
          <cell r="L43" t="str">
            <v>460-0003</v>
          </cell>
          <cell r="M43" t="str">
            <v>0532-53-5380</v>
          </cell>
          <cell r="N43" t="str">
            <v>0532-53-0784</v>
          </cell>
        </row>
        <row r="44">
          <cell r="H44">
            <v>820008</v>
          </cell>
          <cell r="I44" t="str">
            <v>株式会社林工組</v>
          </cell>
          <cell r="J44" t="str">
            <v>浜松市渡瀬町1000の1</v>
          </cell>
          <cell r="K44" t="str">
            <v>取締役社長　伊藤　友輔</v>
          </cell>
          <cell r="L44" t="str">
            <v>435-0036</v>
          </cell>
          <cell r="M44" t="str">
            <v>053-461-8853</v>
          </cell>
          <cell r="N44" t="str">
            <v>053-461-8855</v>
          </cell>
        </row>
        <row r="45">
          <cell r="H45">
            <v>820015</v>
          </cell>
          <cell r="I45" t="str">
            <v>菱和設備株式会社</v>
          </cell>
          <cell r="J45" t="str">
            <v>静岡市葵区清閑町14-5</v>
          </cell>
          <cell r="K45" t="str">
            <v>取締役社長　山名　昭義</v>
          </cell>
          <cell r="L45" t="str">
            <v>420-0047</v>
          </cell>
          <cell r="M45" t="str">
            <v>054-254-8321</v>
          </cell>
          <cell r="N45" t="str">
            <v>054-253-5746</v>
          </cell>
        </row>
        <row r="46">
          <cell r="H46">
            <v>1</v>
          </cell>
          <cell r="I46" t="str">
            <v>株式会社伊勢屋</v>
          </cell>
          <cell r="J46" t="str">
            <v>静岡県浜松市中区佐藤１－４０－２８</v>
          </cell>
          <cell r="K46" t="str">
            <v>湖東　喜明</v>
          </cell>
          <cell r="L46" t="str">
            <v>430-0807</v>
          </cell>
          <cell r="M46" t="str">
            <v>053-463-5111</v>
          </cell>
          <cell r="N46" t="str">
            <v>053-462-3250</v>
          </cell>
        </row>
        <row r="47">
          <cell r="H47">
            <v>2</v>
          </cell>
          <cell r="I47" t="str">
            <v>株式会社金指商会</v>
          </cell>
          <cell r="J47" t="str">
            <v>静岡県浜松市中区西伊場町５－４</v>
          </cell>
          <cell r="K47" t="str">
            <v>金指　忠久</v>
          </cell>
          <cell r="L47" t="str">
            <v>432-8038</v>
          </cell>
          <cell r="M47" t="str">
            <v>053-441-0111</v>
          </cell>
          <cell r="N47" t="str">
            <v>053-441-0032</v>
          </cell>
        </row>
        <row r="48">
          <cell r="H48">
            <v>3</v>
          </cell>
          <cell r="I48" t="str">
            <v>新栄事務機株式会社</v>
          </cell>
          <cell r="J48" t="str">
            <v>静岡県浜松市東区上西町２５－５</v>
          </cell>
          <cell r="K48" t="str">
            <v>上村　篤</v>
          </cell>
          <cell r="L48" t="str">
            <v>435-0048</v>
          </cell>
          <cell r="M48" t="str">
            <v>053-463-9159</v>
          </cell>
          <cell r="N48" t="str">
            <v>053-464-0589</v>
          </cell>
        </row>
        <row r="49">
          <cell r="H49">
            <v>4</v>
          </cell>
          <cell r="I49" t="str">
            <v>大学産業株式会社</v>
          </cell>
          <cell r="J49" t="str">
            <v>静岡県浜松市南区芳川町７２３</v>
          </cell>
          <cell r="K49" t="str">
            <v>曽布川　能康</v>
          </cell>
          <cell r="L49" t="str">
            <v>430-0813</v>
          </cell>
          <cell r="M49" t="str">
            <v>053-425-0021</v>
          </cell>
          <cell r="N49" t="str">
            <v>053-426-2020</v>
          </cell>
        </row>
        <row r="50">
          <cell r="H50">
            <v>5</v>
          </cell>
          <cell r="I50" t="str">
            <v>ミドリ安全静岡株式会社</v>
          </cell>
          <cell r="J50" t="str">
            <v>静岡県静岡市駿河区池田２７４－１</v>
          </cell>
          <cell r="K50" t="str">
            <v>加藤　宗明</v>
          </cell>
          <cell r="L50" t="str">
            <v>422-8005</v>
          </cell>
          <cell r="M50" t="str">
            <v>054-262-8811</v>
          </cell>
          <cell r="N50" t="str">
            <v>054-262-8819</v>
          </cell>
        </row>
        <row r="51">
          <cell r="H51">
            <v>6</v>
          </cell>
          <cell r="I51" t="str">
            <v>株式会社タキ商事</v>
          </cell>
          <cell r="J51" t="str">
            <v>静岡県静岡市清水区吉川１４５－１</v>
          </cell>
          <cell r="K51" t="str">
            <v>鈴木　宏治</v>
          </cell>
          <cell r="L51" t="str">
            <v>424-0055</v>
          </cell>
          <cell r="M51" t="str">
            <v>054-347-5205</v>
          </cell>
          <cell r="N51" t="str">
            <v>054-346-7606</v>
          </cell>
        </row>
        <row r="52">
          <cell r="H52">
            <v>7</v>
          </cell>
          <cell r="I52" t="str">
            <v>旭産業株式会社　浜松営業所</v>
          </cell>
          <cell r="J52" t="str">
            <v>静岡県浜松市東区植松町１４６０－２８</v>
          </cell>
          <cell r="K52" t="str">
            <v>伊藤　幹雄</v>
          </cell>
          <cell r="L52" t="str">
            <v>430-0803</v>
          </cell>
          <cell r="M52" t="str">
            <v>053-465-1218</v>
          </cell>
          <cell r="N52" t="str">
            <v>053-465-1359</v>
          </cell>
        </row>
        <row r="53">
          <cell r="H53">
            <v>300008</v>
          </cell>
          <cell r="I53" t="str">
            <v>川本工業株式会社
静岡営業所</v>
          </cell>
          <cell r="J53" t="str">
            <v>静岡市駿河区登呂4-18-25 第二登呂ﾊｲﾂ202号</v>
          </cell>
          <cell r="K53" t="str">
            <v>清水　修二</v>
          </cell>
          <cell r="L53" t="str">
            <v>422-8033</v>
          </cell>
          <cell r="M53" t="str">
            <v>054-288-5321</v>
          </cell>
          <cell r="N53" t="str">
            <v>054-288-5322</v>
          </cell>
        </row>
        <row r="54">
          <cell r="H54">
            <v>400001</v>
          </cell>
          <cell r="I54" t="str">
            <v>セルコ株式会社</v>
          </cell>
          <cell r="J54" t="str">
            <v>浜松市東区将監町7-14</v>
          </cell>
          <cell r="K54" t="str">
            <v>代表取締役　西川 和宏</v>
          </cell>
          <cell r="L54" t="str">
            <v>430-0802</v>
          </cell>
          <cell r="M54" t="str">
            <v>053-463-1341</v>
          </cell>
          <cell r="N54" t="str">
            <v>053-463-1366</v>
          </cell>
        </row>
        <row r="55">
          <cell r="H55">
            <v>400002</v>
          </cell>
          <cell r="I55" t="str">
            <v>東海防災株式会社</v>
          </cell>
          <cell r="J55" t="str">
            <v>浜松市中区城北1-3-18</v>
          </cell>
          <cell r="K55" t="str">
            <v>代表取締役　中村 仁志</v>
          </cell>
          <cell r="L55" t="str">
            <v>432-8011</v>
          </cell>
          <cell r="M55" t="str">
            <v>053-474-2627</v>
          </cell>
          <cell r="N55" t="str">
            <v>053-474-2618</v>
          </cell>
        </row>
        <row r="56">
          <cell r="H56">
            <v>400003</v>
          </cell>
          <cell r="I56" t="str">
            <v>日興電気通信株式会社</v>
          </cell>
          <cell r="J56" t="str">
            <v>浜松市北区大原町11</v>
          </cell>
          <cell r="K56" t="str">
            <v>代表取締役　堀部 成信</v>
          </cell>
          <cell r="L56" t="str">
            <v>433-8102</v>
          </cell>
          <cell r="M56" t="str">
            <v>053-439-1125</v>
          </cell>
          <cell r="N56" t="str">
            <v>053-439-1135</v>
          </cell>
        </row>
        <row r="57">
          <cell r="H57">
            <v>400004</v>
          </cell>
          <cell r="I57" t="str">
            <v>松川電気株式会社</v>
          </cell>
          <cell r="J57" t="str">
            <v>浜松市東区有玉北町65-1</v>
          </cell>
          <cell r="K57" t="str">
            <v>代表取締役　小澤 邦比呂</v>
          </cell>
          <cell r="L57" t="str">
            <v>431-3121</v>
          </cell>
          <cell r="M57" t="str">
            <v>053-433-3222</v>
          </cell>
          <cell r="N57" t="str">
            <v>053-433-3214</v>
          </cell>
        </row>
        <row r="58">
          <cell r="H58">
            <v>400005</v>
          </cell>
          <cell r="I58" t="str">
            <v>電通システム株式会社</v>
          </cell>
          <cell r="J58" t="str">
            <v>浜松市南区三島町104-1</v>
          </cell>
          <cell r="K58" t="str">
            <v>代表取締役　木下 敏彦</v>
          </cell>
          <cell r="L58" t="str">
            <v>430-0853</v>
          </cell>
          <cell r="M58" t="str">
            <v>053-441-3911</v>
          </cell>
          <cell r="N58" t="str">
            <v>053-441-7515</v>
          </cell>
        </row>
        <row r="59">
          <cell r="H59">
            <v>400006</v>
          </cell>
          <cell r="I59" t="str">
            <v>日本リーテック㈱　静岡営業所</v>
          </cell>
          <cell r="J59" t="str">
            <v>沼津市宮前町4-7</v>
          </cell>
          <cell r="K59" t="str">
            <v>伊藤　聖治</v>
          </cell>
          <cell r="L59" t="str">
            <v>410-0062</v>
          </cell>
          <cell r="M59" t="str">
            <v>055-929-8711</v>
          </cell>
        </row>
        <row r="60">
          <cell r="H60">
            <v>400007</v>
          </cell>
          <cell r="I60" t="str">
            <v>西日本電信電話（株）　静岡支店</v>
          </cell>
          <cell r="J60" t="str">
            <v>静岡市葵区城東町5-1</v>
          </cell>
          <cell r="K60" t="str">
            <v>土井内　裕章</v>
          </cell>
          <cell r="L60" t="str">
            <v>420-8685</v>
          </cell>
          <cell r="M60" t="str">
            <v>054-200-1469</v>
          </cell>
        </row>
        <row r="61">
          <cell r="H61">
            <v>11</v>
          </cell>
          <cell r="I61" t="str">
            <v>株式会社林工組</v>
          </cell>
          <cell r="J61" t="str">
            <v>浜松市南区渡瀬町1000-1</v>
          </cell>
          <cell r="K61" t="str">
            <v>代表取締役　伊藤　友輔</v>
          </cell>
          <cell r="L61" t="str">
            <v>435-0036</v>
          </cell>
          <cell r="M61" t="str">
            <v>053-461-8853</v>
          </cell>
          <cell r="N61" t="str">
            <v>053-461-8855</v>
          </cell>
        </row>
        <row r="62">
          <cell r="H62">
            <v>12</v>
          </cell>
          <cell r="I62" t="str">
            <v>株式会社中村組</v>
          </cell>
          <cell r="J62" t="str">
            <v>浜松市中区住吉5-22-1</v>
          </cell>
          <cell r="K62" t="str">
            <v>取締役社長　中村　嘉宏</v>
          </cell>
          <cell r="L62" t="str">
            <v>430-0906</v>
          </cell>
          <cell r="M62" t="str">
            <v>053-412-1111</v>
          </cell>
          <cell r="N62" t="str">
            <v>053-412-1130</v>
          </cell>
        </row>
        <row r="63">
          <cell r="H63">
            <v>13</v>
          </cell>
          <cell r="I63" t="str">
            <v>須山建設株式会社</v>
          </cell>
          <cell r="J63" t="str">
            <v>浜松市中区布橋2-6-1</v>
          </cell>
          <cell r="K63" t="str">
            <v>代表取締役　須山　宏造</v>
          </cell>
          <cell r="L63" t="str">
            <v>432-8562</v>
          </cell>
          <cell r="M63" t="str">
            <v>053-471-0321</v>
          </cell>
          <cell r="N63" t="str">
            <v>053-471-9235</v>
          </cell>
        </row>
        <row r="64">
          <cell r="H64">
            <v>14</v>
          </cell>
          <cell r="I64" t="str">
            <v>中村建設株式会社</v>
          </cell>
          <cell r="J64" t="str">
            <v>浜松市中区中沢町71-23</v>
          </cell>
          <cell r="K64" t="str">
            <v>代表取締役　中村　仁志</v>
          </cell>
          <cell r="L64" t="str">
            <v>430-0904</v>
          </cell>
          <cell r="M64" t="str">
            <v>053-471-3421</v>
          </cell>
          <cell r="N64" t="str">
            <v>053-475-2629</v>
          </cell>
        </row>
        <row r="65">
          <cell r="H65">
            <v>15</v>
          </cell>
          <cell r="I65" t="str">
            <v>株式会社鈴木組</v>
          </cell>
          <cell r="J65" t="str">
            <v>浜松市中区神田町1522</v>
          </cell>
          <cell r="K65" t="str">
            <v>代表取締役　平野　治</v>
          </cell>
          <cell r="L65" t="str">
            <v>432-8047</v>
          </cell>
          <cell r="M65" t="str">
            <v>053-442-2112</v>
          </cell>
          <cell r="N65" t="str">
            <v>053-442-4283</v>
          </cell>
        </row>
        <row r="66">
          <cell r="H66">
            <v>16</v>
          </cell>
          <cell r="I66" t="str">
            <v>常盤工業株式会社</v>
          </cell>
          <cell r="J66" t="str">
            <v>浜松市中区新津町197</v>
          </cell>
          <cell r="K66" t="str">
            <v>代表取締役　市川　浩透</v>
          </cell>
          <cell r="L66" t="str">
            <v>430-0911</v>
          </cell>
          <cell r="M66" t="str">
            <v>053-461-9155</v>
          </cell>
          <cell r="N66" t="str">
            <v>053-469-0394</v>
          </cell>
        </row>
        <row r="67">
          <cell r="H67">
            <v>17</v>
          </cell>
          <cell r="I67" t="str">
            <v>株式会社飯田組</v>
          </cell>
          <cell r="J67" t="str">
            <v>浜松市東区小池町673-3</v>
          </cell>
          <cell r="K67" t="str">
            <v>代表取締役　倉田　寿久</v>
          </cell>
          <cell r="L67" t="str">
            <v>435-0056</v>
          </cell>
          <cell r="M67" t="str">
            <v>053-432-4060</v>
          </cell>
          <cell r="N67" t="str">
            <v>053-432-4070</v>
          </cell>
        </row>
        <row r="68">
          <cell r="H68">
            <v>18</v>
          </cell>
          <cell r="I68" t="str">
            <v>遠鉄建設株式会社</v>
          </cell>
          <cell r="J68" t="str">
            <v>浜松市中区下池川町60-1</v>
          </cell>
          <cell r="K68" t="str">
            <v>代表取締役　平野　昌利</v>
          </cell>
          <cell r="L68" t="str">
            <v>430-0905</v>
          </cell>
          <cell r="M68" t="str">
            <v>053-478-2222</v>
          </cell>
          <cell r="N68" t="str">
            <v>053-478-2233</v>
          </cell>
        </row>
        <row r="69">
          <cell r="H69">
            <v>19</v>
          </cell>
          <cell r="I69" t="str">
            <v>株式会社安藤・間
静岡支店</v>
          </cell>
          <cell r="J69" t="str">
            <v>静岡市葵区追手町2-12</v>
          </cell>
          <cell r="K69" t="str">
            <v>支店長　石松　博幸</v>
          </cell>
          <cell r="L69" t="str">
            <v>420-8612</v>
          </cell>
          <cell r="M69" t="str">
            <v>054-255-3435</v>
          </cell>
          <cell r="N69" t="str">
            <v>054-252-7234</v>
          </cell>
        </row>
        <row r="70">
          <cell r="H70">
            <v>20</v>
          </cell>
          <cell r="I70" t="str">
            <v>清水建設株式会社
静岡営業所</v>
          </cell>
          <cell r="J70" t="str">
            <v>静岡市葵区御幸町5-9</v>
          </cell>
          <cell r="K70" t="str">
            <v>営業所長　田和　英夫</v>
          </cell>
          <cell r="L70" t="str">
            <v>420-0857</v>
          </cell>
          <cell r="M70" t="str">
            <v>054-254-4591</v>
          </cell>
          <cell r="N70" t="str">
            <v>054-254-1160</v>
          </cell>
        </row>
        <row r="71">
          <cell r="H71">
            <v>21</v>
          </cell>
          <cell r="I71" t="str">
            <v>株式会社フジタ
静岡総合営業所</v>
          </cell>
          <cell r="J71" t="str">
            <v>静岡市駿河区中田1-5-1</v>
          </cell>
          <cell r="K71" t="str">
            <v>営業所長　佐々木　達也</v>
          </cell>
          <cell r="L71" t="str">
            <v>422-8041</v>
          </cell>
          <cell r="M71" t="str">
            <v>054-287-5175</v>
          </cell>
          <cell r="N71" t="str">
            <v>054-287-3570</v>
          </cell>
        </row>
      </sheetData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物品発注書"/>
      <sheetName val="入力"/>
      <sheetName val="見積書依頼"/>
      <sheetName val="理由 (見積徴収伺)"/>
      <sheetName val="単独随意契約理由書"/>
      <sheetName val="理由"/>
      <sheetName val="工定表"/>
      <sheetName val="予価"/>
      <sheetName val="算定"/>
      <sheetName val="監督員通知書"/>
      <sheetName val="契約書"/>
      <sheetName val="仕様"/>
      <sheetName val="結果"/>
      <sheetName val="Sheet1"/>
    </sheetNames>
    <sheetDataSet>
      <sheetData sheetId="0"/>
      <sheetData sheetId="1">
        <row r="1">
          <cell r="C1" t="str">
            <v>平成25年度静岡文化芸術大学舞台装置ワイヤーロープ他取替工事</v>
          </cell>
        </row>
        <row r="14">
          <cell r="C14" t="str">
            <v>―</v>
          </cell>
        </row>
        <row r="18">
          <cell r="C18">
            <v>41572</v>
          </cell>
        </row>
      </sheetData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一覧"/>
      <sheetName val="制御"/>
      <sheetName val="業者"/>
      <sheetName val="伺"/>
      <sheetName val="通知"/>
      <sheetName val="札"/>
      <sheetName val="委任"/>
      <sheetName val="結果"/>
      <sheetName val="選定"/>
      <sheetName val="日時"/>
      <sheetName val="封筒ﾗﾍﾞﾙ"/>
      <sheetName val="ﾗﾍﾞﾙ"/>
      <sheetName val="予定価格"/>
      <sheetName val="価格表裏"/>
      <sheetName val="現場説明"/>
    </sheetNames>
    <sheetDataSet>
      <sheetData sheetId="0">
        <row r="2">
          <cell r="A2">
            <v>1</v>
          </cell>
          <cell r="B2" t="str">
            <v>年度前</v>
          </cell>
          <cell r="C2" t="str">
            <v>入札</v>
          </cell>
          <cell r="D2" t="str">
            <v>薬草園・温室管理業務</v>
          </cell>
          <cell r="E2" t="str">
            <v>平成１４年度　静岡県立大学薬草園・温室管理業務</v>
          </cell>
          <cell r="F2">
            <v>1</v>
          </cell>
          <cell r="G2" t="str">
            <v>指名競争入札</v>
          </cell>
          <cell r="H2" t="str">
            <v>㈱八雲</v>
          </cell>
          <cell r="I2" t="str">
            <v>市川</v>
          </cell>
          <cell r="K2">
            <v>12832000</v>
          </cell>
          <cell r="L2">
            <v>12275550</v>
          </cell>
          <cell r="M2">
            <v>12915000</v>
          </cell>
          <cell r="N2" t="str">
            <v>総室長</v>
          </cell>
          <cell r="O2">
            <v>0</v>
          </cell>
          <cell r="P2">
            <v>550348450</v>
          </cell>
          <cell r="Q2">
            <v>549709000</v>
          </cell>
          <cell r="R2">
            <v>2</v>
          </cell>
          <cell r="S2">
            <v>2</v>
          </cell>
          <cell r="T2">
            <v>2</v>
          </cell>
          <cell r="U2">
            <v>1</v>
          </cell>
          <cell r="V2">
            <v>1</v>
          </cell>
          <cell r="W2">
            <v>1</v>
          </cell>
          <cell r="X2" t="str">
            <v>第７号</v>
          </cell>
          <cell r="Y2" t="str">
            <v>平成１４年３月２６日　午後１：３０</v>
          </cell>
          <cell r="Z2">
            <v>14</v>
          </cell>
          <cell r="AA2">
            <v>1</v>
          </cell>
          <cell r="AB2" t="str">
            <v>平成１４年３月２２日　午後２：００</v>
          </cell>
          <cell r="AC2">
            <v>1</v>
          </cell>
          <cell r="AD2">
            <v>1</v>
          </cell>
        </row>
        <row r="3">
          <cell r="A3">
            <v>2</v>
          </cell>
          <cell r="B3" t="str">
            <v>年度前</v>
          </cell>
          <cell r="C3" t="str">
            <v>入札</v>
          </cell>
          <cell r="D3" t="str">
            <v>消防用設備等点検業務</v>
          </cell>
          <cell r="E3" t="str">
            <v>平成１４年度　静岡県立大学消防用設備等点検業務</v>
          </cell>
          <cell r="F3">
            <v>1</v>
          </cell>
          <cell r="G3" t="str">
            <v>指名競争入札</v>
          </cell>
          <cell r="H3" t="str">
            <v>鈴与技研㈱</v>
          </cell>
          <cell r="I3" t="str">
            <v>市川</v>
          </cell>
          <cell r="K3">
            <v>10670000</v>
          </cell>
          <cell r="L3">
            <v>10658550</v>
          </cell>
          <cell r="M3">
            <v>10333050</v>
          </cell>
          <cell r="N3" t="str">
            <v>局長</v>
          </cell>
          <cell r="O3">
            <v>12275550</v>
          </cell>
          <cell r="P3">
            <v>539689900</v>
          </cell>
          <cell r="Q3">
            <v>539375950</v>
          </cell>
          <cell r="R3">
            <v>1</v>
          </cell>
          <cell r="S3">
            <v>2</v>
          </cell>
          <cell r="T3">
            <v>1</v>
          </cell>
          <cell r="U3">
            <v>1</v>
          </cell>
          <cell r="V3">
            <v>1</v>
          </cell>
          <cell r="W3">
            <v>1</v>
          </cell>
          <cell r="X3" t="str">
            <v>第２０号</v>
          </cell>
          <cell r="Y3" t="str">
            <v>平成１４年３月２６日　午前１０：５０</v>
          </cell>
          <cell r="Z3">
            <v>4</v>
          </cell>
          <cell r="AA3">
            <v>15</v>
          </cell>
          <cell r="AB3" t="str">
            <v>平成１４年３月２２日　午後１：２０</v>
          </cell>
          <cell r="AC3">
            <v>2</v>
          </cell>
          <cell r="AD3">
            <v>1</v>
          </cell>
        </row>
        <row r="4">
          <cell r="A4">
            <v>3</v>
          </cell>
          <cell r="B4" t="str">
            <v>年度前</v>
          </cell>
          <cell r="C4" t="str">
            <v>単独</v>
          </cell>
          <cell r="D4" t="str">
            <v>エレベーター保守業務</v>
          </cell>
          <cell r="E4" t="str">
            <v>平成１４年度　静岡県立大学エレベーター等保守業務</v>
          </cell>
          <cell r="F4">
            <v>3</v>
          </cell>
          <cell r="G4" t="str">
            <v>単独随意契約</v>
          </cell>
          <cell r="H4" t="str">
            <v>㈱日立ビルシステム中部支社</v>
          </cell>
          <cell r="I4" t="str">
            <v>市川</v>
          </cell>
          <cell r="K4">
            <v>10416000</v>
          </cell>
          <cell r="L4">
            <v>10414950</v>
          </cell>
          <cell r="M4">
            <v>9991800</v>
          </cell>
          <cell r="N4" t="str">
            <v>局長</v>
          </cell>
          <cell r="O4">
            <v>22934100</v>
          </cell>
          <cell r="P4">
            <v>529274950</v>
          </cell>
          <cell r="Q4">
            <v>529384150</v>
          </cell>
          <cell r="R4">
            <v>1</v>
          </cell>
          <cell r="S4">
            <v>1</v>
          </cell>
          <cell r="T4">
            <v>1</v>
          </cell>
          <cell r="U4">
            <v>1</v>
          </cell>
          <cell r="V4">
            <v>1</v>
          </cell>
          <cell r="W4">
            <v>1</v>
          </cell>
          <cell r="X4" t="str">
            <v>第２６号</v>
          </cell>
          <cell r="Y4" t="str">
            <v>平成１４年３月２６日　午後１：１０</v>
          </cell>
          <cell r="Z4">
            <v>1</v>
          </cell>
          <cell r="AA4">
            <v>19</v>
          </cell>
          <cell r="AB4" t="str">
            <v>平成１４年３月２２日　午後１：１０</v>
          </cell>
          <cell r="AC4">
            <v>1</v>
          </cell>
          <cell r="AD4">
            <v>1</v>
          </cell>
        </row>
        <row r="5">
          <cell r="A5">
            <v>4</v>
          </cell>
          <cell r="B5" t="str">
            <v>年度前</v>
          </cell>
          <cell r="C5" t="str">
            <v>単独</v>
          </cell>
          <cell r="D5" t="str">
            <v>中央制御システム保守点検</v>
          </cell>
          <cell r="E5" t="str">
            <v>平成１４年度　静岡県立大学中央制御システム保守点検業務</v>
          </cell>
          <cell r="F5">
            <v>3</v>
          </cell>
          <cell r="G5" t="str">
            <v>単独随意契約</v>
          </cell>
          <cell r="H5" t="str">
            <v>㈱沖電気ｶｽﾀﾏｱﾄﾞﾃｯｸｻﾎﾟｰﾄｻｰﾋﾞｽ本部中部支社</v>
          </cell>
          <cell r="I5" t="str">
            <v>市川</v>
          </cell>
          <cell r="K5">
            <v>9459000</v>
          </cell>
          <cell r="L5">
            <v>9455565</v>
          </cell>
          <cell r="M5">
            <v>9160200</v>
          </cell>
          <cell r="N5" t="str">
            <v>局長</v>
          </cell>
          <cell r="O5">
            <v>33349050</v>
          </cell>
          <cell r="P5">
            <v>519819385</v>
          </cell>
          <cell r="Q5">
            <v>520223950</v>
          </cell>
          <cell r="R5">
            <v>1</v>
          </cell>
          <cell r="S5">
            <v>1</v>
          </cell>
          <cell r="T5">
            <v>1</v>
          </cell>
          <cell r="U5">
            <v>1</v>
          </cell>
          <cell r="V5">
            <v>1</v>
          </cell>
          <cell r="W5">
            <v>1</v>
          </cell>
          <cell r="X5" t="str">
            <v>第２２号</v>
          </cell>
          <cell r="Y5" t="str">
            <v>平成１４年３月２６日　午後１：２０</v>
          </cell>
          <cell r="Z5">
            <v>1</v>
          </cell>
          <cell r="AA5">
            <v>20</v>
          </cell>
          <cell r="AB5" t="str">
            <v>平成１４年３月２２日　午後３：２０</v>
          </cell>
          <cell r="AC5">
            <v>4</v>
          </cell>
          <cell r="AD5">
            <v>1</v>
          </cell>
        </row>
        <row r="6">
          <cell r="A6">
            <v>5</v>
          </cell>
          <cell r="B6" t="str">
            <v>年度前</v>
          </cell>
          <cell r="C6" t="str">
            <v>単独</v>
          </cell>
          <cell r="D6" t="str">
            <v>実験小動物死体搬出処理業務</v>
          </cell>
          <cell r="E6" t="str">
            <v>平成１４年度　静岡県立大学実験小動物死体搬出処理業務</v>
          </cell>
          <cell r="F6">
            <v>3</v>
          </cell>
          <cell r="G6" t="str">
            <v>単独随意契約</v>
          </cell>
          <cell r="H6" t="str">
            <v>㈱岩本商店</v>
          </cell>
          <cell r="I6" t="str">
            <v>市川</v>
          </cell>
          <cell r="K6">
            <v>8851000</v>
          </cell>
          <cell r="L6">
            <v>8845200</v>
          </cell>
          <cell r="M6">
            <v>8662500</v>
          </cell>
          <cell r="N6" t="str">
            <v>局長</v>
          </cell>
          <cell r="O6">
            <v>42804615</v>
          </cell>
          <cell r="P6">
            <v>510974185</v>
          </cell>
          <cell r="Q6">
            <v>511561450</v>
          </cell>
          <cell r="R6">
            <v>2</v>
          </cell>
          <cell r="S6">
            <v>1</v>
          </cell>
          <cell r="T6">
            <v>1</v>
          </cell>
          <cell r="U6">
            <v>1</v>
          </cell>
          <cell r="V6">
            <v>1</v>
          </cell>
          <cell r="W6">
            <v>1</v>
          </cell>
          <cell r="X6" t="str">
            <v>第１号</v>
          </cell>
          <cell r="Y6" t="str">
            <v>平成１４年３月２６日　午前１１：１０</v>
          </cell>
          <cell r="Z6">
            <v>1</v>
          </cell>
          <cell r="AA6">
            <v>21</v>
          </cell>
          <cell r="AB6" t="str">
            <v>平成１４年３月２２日　午前９：４０</v>
          </cell>
          <cell r="AC6">
            <v>1</v>
          </cell>
          <cell r="AD6">
            <v>1</v>
          </cell>
        </row>
        <row r="7">
          <cell r="A7">
            <v>6</v>
          </cell>
          <cell r="B7" t="str">
            <v>年度前</v>
          </cell>
          <cell r="C7" t="str">
            <v>随契</v>
          </cell>
          <cell r="D7" t="str">
            <v>廃棄物搬出処理業務</v>
          </cell>
          <cell r="E7" t="str">
            <v>平成１４年度　静岡県立大学廃棄物搬出処理業務</v>
          </cell>
          <cell r="F7">
            <v>3</v>
          </cell>
          <cell r="G7" t="str">
            <v>見積合せによる随意契約</v>
          </cell>
          <cell r="H7" t="str">
            <v>㈱岩本商店</v>
          </cell>
          <cell r="I7" t="str">
            <v>市川</v>
          </cell>
          <cell r="K7">
            <v>7400000</v>
          </cell>
          <cell r="L7">
            <v>7387800</v>
          </cell>
          <cell r="M7">
            <v>7350000</v>
          </cell>
          <cell r="N7" t="str">
            <v>局長</v>
          </cell>
          <cell r="O7">
            <v>51649815</v>
          </cell>
          <cell r="P7">
            <v>503586385</v>
          </cell>
          <cell r="Q7">
            <v>504211450</v>
          </cell>
          <cell r="R7">
            <v>2</v>
          </cell>
          <cell r="S7">
            <v>1</v>
          </cell>
          <cell r="T7">
            <v>1</v>
          </cell>
          <cell r="U7">
            <v>1</v>
          </cell>
          <cell r="V7">
            <v>1</v>
          </cell>
          <cell r="W7">
            <v>1</v>
          </cell>
          <cell r="X7" t="str">
            <v>第３１号</v>
          </cell>
          <cell r="Y7" t="str">
            <v>平成１４年３月２６日　午前１１：２０</v>
          </cell>
          <cell r="Z7">
            <v>3</v>
          </cell>
          <cell r="AA7">
            <v>22</v>
          </cell>
          <cell r="AB7" t="str">
            <v>平成１４年３月２２日　午前９：５０</v>
          </cell>
          <cell r="AC7">
            <v>1</v>
          </cell>
          <cell r="AD7">
            <v>1</v>
          </cell>
        </row>
        <row r="8">
          <cell r="A8">
            <v>7</v>
          </cell>
          <cell r="B8" t="str">
            <v>年度前</v>
          </cell>
          <cell r="C8" t="str">
            <v>単独</v>
          </cell>
          <cell r="D8" t="str">
            <v>電気錠保守業務</v>
          </cell>
          <cell r="E8" t="str">
            <v>平成１４年度　静岡県立大学電気錠保守業務</v>
          </cell>
          <cell r="F8">
            <v>3</v>
          </cell>
          <cell r="G8" t="str">
            <v>単独随意契約</v>
          </cell>
          <cell r="H8" t="str">
            <v>静岡キーロック㈱</v>
          </cell>
          <cell r="I8" t="str">
            <v>市川</v>
          </cell>
          <cell r="K8">
            <v>3564000</v>
          </cell>
          <cell r="L8">
            <v>3563700</v>
          </cell>
          <cell r="M8">
            <v>3486000</v>
          </cell>
          <cell r="N8" t="str">
            <v>局長</v>
          </cell>
          <cell r="O8">
            <v>59037615</v>
          </cell>
          <cell r="P8">
            <v>500022685</v>
          </cell>
          <cell r="Q8">
            <v>500725450</v>
          </cell>
          <cell r="R8">
            <v>1</v>
          </cell>
          <cell r="S8">
            <v>1</v>
          </cell>
          <cell r="T8">
            <v>1</v>
          </cell>
          <cell r="U8">
            <v>1</v>
          </cell>
          <cell r="V8">
            <v>1</v>
          </cell>
          <cell r="W8">
            <v>1</v>
          </cell>
          <cell r="X8" t="str">
            <v>第２９号</v>
          </cell>
          <cell r="Y8" t="str">
            <v>平成１４年３月２６日　午前１０：４０</v>
          </cell>
          <cell r="Z8">
            <v>1</v>
          </cell>
          <cell r="AA8">
            <v>25</v>
          </cell>
          <cell r="AB8" t="str">
            <v>平成１４年３月２２日　午後１：００</v>
          </cell>
          <cell r="AC8">
            <v>4</v>
          </cell>
          <cell r="AD8">
            <v>1</v>
          </cell>
        </row>
        <row r="9">
          <cell r="A9">
            <v>8</v>
          </cell>
          <cell r="B9" t="str">
            <v>年度前</v>
          </cell>
          <cell r="C9" t="str">
            <v>入札</v>
          </cell>
          <cell r="D9" t="str">
            <v>設備管理業務</v>
          </cell>
          <cell r="E9" t="str">
            <v>平成１４年度　静岡県立大学設備管理業務</v>
          </cell>
          <cell r="F9">
            <v>1</v>
          </cell>
          <cell r="G9" t="str">
            <v>指名競争入札</v>
          </cell>
          <cell r="H9" t="str">
            <v>静岡ビル保善㈱</v>
          </cell>
          <cell r="I9" t="str">
            <v>本橋</v>
          </cell>
          <cell r="K9">
            <v>113775000</v>
          </cell>
          <cell r="L9">
            <v>114374400</v>
          </cell>
          <cell r="M9">
            <v>110452650</v>
          </cell>
          <cell r="N9" t="str">
            <v>知事</v>
          </cell>
          <cell r="O9">
            <v>62601315</v>
          </cell>
          <cell r="P9">
            <v>385648285</v>
          </cell>
          <cell r="Q9">
            <v>390272800</v>
          </cell>
          <cell r="R9">
            <v>1</v>
          </cell>
          <cell r="S9">
            <v>2</v>
          </cell>
          <cell r="T9">
            <v>4</v>
          </cell>
          <cell r="U9">
            <v>2</v>
          </cell>
          <cell r="V9">
            <v>1</v>
          </cell>
          <cell r="W9">
            <v>1</v>
          </cell>
          <cell r="X9" t="str">
            <v>第２１号</v>
          </cell>
          <cell r="Y9" t="str">
            <v>平成１４年３月２６日　午後２：５０</v>
          </cell>
          <cell r="Z9">
            <v>5</v>
          </cell>
          <cell r="AA9">
            <v>26</v>
          </cell>
          <cell r="AB9" t="str">
            <v>平成１４年３月２２日　午前１０：３０</v>
          </cell>
          <cell r="AC9">
            <v>1</v>
          </cell>
          <cell r="AD9">
            <v>1</v>
          </cell>
        </row>
        <row r="10">
          <cell r="A10">
            <v>9</v>
          </cell>
          <cell r="B10" t="str">
            <v>年度前</v>
          </cell>
          <cell r="C10" t="str">
            <v>一般</v>
          </cell>
          <cell r="D10" t="str">
            <v>清掃業務</v>
          </cell>
          <cell r="E10" t="str">
            <v>平成１４年度　静岡県立大学清掃業務</v>
          </cell>
          <cell r="F10">
            <v>4</v>
          </cell>
          <cell r="G10" t="str">
            <v>一般競争入札</v>
          </cell>
          <cell r="H10" t="str">
            <v>㈱サンアメニティ静岡支社</v>
          </cell>
          <cell r="I10" t="str">
            <v>本橋</v>
          </cell>
          <cell r="K10">
            <v>69899000</v>
          </cell>
          <cell r="L10">
            <v>69891150</v>
          </cell>
          <cell r="M10">
            <v>45028200</v>
          </cell>
          <cell r="N10" t="str">
            <v>部長</v>
          </cell>
          <cell r="O10">
            <v>176975715</v>
          </cell>
          <cell r="P10">
            <v>315757135</v>
          </cell>
          <cell r="Q10">
            <v>345244600</v>
          </cell>
          <cell r="R10">
            <v>1</v>
          </cell>
          <cell r="S10">
            <v>2</v>
          </cell>
          <cell r="T10">
            <v>3</v>
          </cell>
          <cell r="U10">
            <v>6</v>
          </cell>
          <cell r="V10">
            <v>3</v>
          </cell>
          <cell r="W10">
            <v>1</v>
          </cell>
          <cell r="X10" t="str">
            <v>第１８号</v>
          </cell>
          <cell r="Y10" t="str">
            <v>平成１４年３月２６日　午前１０：００</v>
          </cell>
          <cell r="Z10">
            <v>0</v>
          </cell>
          <cell r="AA10">
            <v>31</v>
          </cell>
          <cell r="AB10" t="str">
            <v>平成１４年３月２２日　午前１０：００</v>
          </cell>
          <cell r="AC10">
            <v>1</v>
          </cell>
          <cell r="AD10">
            <v>1</v>
          </cell>
        </row>
        <row r="11">
          <cell r="A11">
            <v>10</v>
          </cell>
          <cell r="B11" t="str">
            <v>年度前</v>
          </cell>
          <cell r="C11" t="str">
            <v>随契</v>
          </cell>
          <cell r="D11" t="str">
            <v>動物飼育室等管理業務</v>
          </cell>
          <cell r="E11" t="str">
            <v>平成１４年度　静岡県立大学動物飼育室等管理業務</v>
          </cell>
          <cell r="F11">
            <v>3</v>
          </cell>
          <cell r="G11" t="str">
            <v>見積合せによる随意契約</v>
          </cell>
          <cell r="H11" t="str">
            <v>㈱アニマルケア</v>
          </cell>
          <cell r="I11" t="str">
            <v>本橋</v>
          </cell>
          <cell r="K11">
            <v>54652000</v>
          </cell>
          <cell r="L11">
            <v>55790280</v>
          </cell>
          <cell r="M11">
            <v>56332584</v>
          </cell>
          <cell r="N11" t="str">
            <v>部長</v>
          </cell>
          <cell r="O11">
            <v>246866865</v>
          </cell>
          <cell r="P11">
            <v>259966855</v>
          </cell>
          <cell r="Q11">
            <v>288912016</v>
          </cell>
          <cell r="R11">
            <v>2</v>
          </cell>
          <cell r="S11">
            <v>1</v>
          </cell>
          <cell r="T11">
            <v>3</v>
          </cell>
          <cell r="U11">
            <v>2</v>
          </cell>
          <cell r="V11">
            <v>1</v>
          </cell>
          <cell r="W11">
            <v>1</v>
          </cell>
          <cell r="X11" t="str">
            <v>第６号</v>
          </cell>
          <cell r="Y11" t="str">
            <v>平成１４年３月２６日　午後２：１０</v>
          </cell>
          <cell r="Z11">
            <v>3</v>
          </cell>
          <cell r="AA11">
            <v>31</v>
          </cell>
          <cell r="AB11" t="str">
            <v>平成１４年３月２２日　午後３：００</v>
          </cell>
          <cell r="AC11">
            <v>1</v>
          </cell>
          <cell r="AD11">
            <v>1</v>
          </cell>
        </row>
        <row r="12">
          <cell r="A12">
            <v>11</v>
          </cell>
          <cell r="B12" t="str">
            <v>年度前</v>
          </cell>
          <cell r="C12" t="str">
            <v>単独</v>
          </cell>
          <cell r="D12" t="str">
            <v>実験系（希薄）排水処理設備等管理業務</v>
          </cell>
          <cell r="E12" t="str">
            <v>平成１４年度　静岡県立大学実験系（希薄）排水処理設備等管理業務</v>
          </cell>
          <cell r="F12">
            <v>3</v>
          </cell>
          <cell r="G12" t="str">
            <v>単独随意契約</v>
          </cell>
          <cell r="H12" t="str">
            <v>㈱ｲｰｼｰﾃｸﾉ</v>
          </cell>
          <cell r="I12" t="str">
            <v>本橋</v>
          </cell>
          <cell r="K12">
            <v>41478000</v>
          </cell>
          <cell r="L12">
            <v>41477100</v>
          </cell>
          <cell r="M12">
            <v>42000000</v>
          </cell>
          <cell r="N12" t="str">
            <v>部長</v>
          </cell>
          <cell r="O12">
            <v>302657145</v>
          </cell>
          <cell r="P12">
            <v>218489755</v>
          </cell>
          <cell r="Q12">
            <v>246912016</v>
          </cell>
          <cell r="R12">
            <v>2</v>
          </cell>
          <cell r="S12">
            <v>1</v>
          </cell>
          <cell r="T12">
            <v>3</v>
          </cell>
          <cell r="U12">
            <v>2</v>
          </cell>
          <cell r="V12">
            <v>1</v>
          </cell>
          <cell r="W12">
            <v>1</v>
          </cell>
          <cell r="X12" t="str">
            <v>第２号</v>
          </cell>
          <cell r="Y12" t="str">
            <v>平成１４年３月２６日　午後４：２０</v>
          </cell>
          <cell r="Z12">
            <v>1</v>
          </cell>
          <cell r="AA12">
            <v>34</v>
          </cell>
          <cell r="AB12" t="str">
            <v>平成１４年３月２２日　午後１：４０</v>
          </cell>
          <cell r="AC12">
            <v>1</v>
          </cell>
          <cell r="AD12">
            <v>1</v>
          </cell>
        </row>
        <row r="13">
          <cell r="A13">
            <v>12</v>
          </cell>
          <cell r="B13" t="str">
            <v>年度前</v>
          </cell>
          <cell r="C13" t="str">
            <v>入札</v>
          </cell>
          <cell r="D13" t="str">
            <v>警備業務</v>
          </cell>
          <cell r="E13" t="str">
            <v>平成１４年度　静岡県立大学警備業務</v>
          </cell>
          <cell r="F13">
            <v>1</v>
          </cell>
          <cell r="G13" t="str">
            <v>指名競争入札</v>
          </cell>
          <cell r="H13" t="str">
            <v>㈱中央防犯</v>
          </cell>
          <cell r="I13" t="str">
            <v>本橋</v>
          </cell>
          <cell r="K13">
            <v>39459000</v>
          </cell>
          <cell r="L13">
            <v>39459000</v>
          </cell>
          <cell r="M13">
            <v>38029000</v>
          </cell>
          <cell r="N13" t="str">
            <v>総室長</v>
          </cell>
          <cell r="O13">
            <v>344134245</v>
          </cell>
          <cell r="P13">
            <v>179030755</v>
          </cell>
          <cell r="Q13">
            <v>208883016</v>
          </cell>
          <cell r="R13">
            <v>1</v>
          </cell>
          <cell r="S13">
            <v>2</v>
          </cell>
          <cell r="T13">
            <v>2</v>
          </cell>
          <cell r="U13">
            <v>2</v>
          </cell>
          <cell r="V13">
            <v>1</v>
          </cell>
          <cell r="W13">
            <v>1</v>
          </cell>
          <cell r="X13" t="str">
            <v>第１７号</v>
          </cell>
          <cell r="Y13" t="str">
            <v>平成１４年３月２６日　午後３：１０</v>
          </cell>
          <cell r="Z13">
            <v>6</v>
          </cell>
          <cell r="AA13">
            <v>35</v>
          </cell>
          <cell r="AB13" t="str">
            <v>平成１４年３月２２日　午前１０：５０</v>
          </cell>
          <cell r="AC13">
            <v>1</v>
          </cell>
          <cell r="AD13">
            <v>1</v>
          </cell>
        </row>
        <row r="14">
          <cell r="A14">
            <v>13</v>
          </cell>
          <cell r="B14" t="str">
            <v>年度前</v>
          </cell>
          <cell r="C14" t="str">
            <v>入札</v>
          </cell>
          <cell r="D14" t="str">
            <v>用地管理業務</v>
          </cell>
          <cell r="E14" t="str">
            <v>平成１４年度　静岡県立大学用地管理業務</v>
          </cell>
          <cell r="F14">
            <v>1</v>
          </cell>
          <cell r="G14" t="str">
            <v>指名競争入札</v>
          </cell>
          <cell r="H14" t="str">
            <v>㈱森造園</v>
          </cell>
          <cell r="I14" t="str">
            <v>本橋</v>
          </cell>
          <cell r="K14">
            <v>37491000</v>
          </cell>
          <cell r="L14">
            <v>37638300</v>
          </cell>
          <cell r="M14">
            <v>37485000</v>
          </cell>
          <cell r="N14" t="str">
            <v>総室長</v>
          </cell>
          <cell r="O14">
            <v>383593245</v>
          </cell>
          <cell r="P14">
            <v>141392455</v>
          </cell>
          <cell r="Q14">
            <v>171398016</v>
          </cell>
          <cell r="R14">
            <v>1</v>
          </cell>
          <cell r="S14">
            <v>2</v>
          </cell>
          <cell r="T14">
            <v>2</v>
          </cell>
          <cell r="U14">
            <v>2</v>
          </cell>
          <cell r="V14">
            <v>3</v>
          </cell>
          <cell r="W14">
            <v>1</v>
          </cell>
          <cell r="X14" t="str">
            <v>第２５号</v>
          </cell>
          <cell r="Y14" t="str">
            <v>平成１４年３月２６日　午後１：５０</v>
          </cell>
          <cell r="Z14">
            <v>14</v>
          </cell>
          <cell r="AA14">
            <v>41</v>
          </cell>
          <cell r="AB14" t="str">
            <v>平成１４年３月２２日　午後２：２０</v>
          </cell>
          <cell r="AC14">
            <v>3</v>
          </cell>
          <cell r="AD14">
            <v>1</v>
          </cell>
        </row>
        <row r="15">
          <cell r="A15">
            <v>14</v>
          </cell>
          <cell r="B15" t="str">
            <v>年度前</v>
          </cell>
          <cell r="C15" t="str">
            <v>単独</v>
          </cell>
          <cell r="D15" t="str">
            <v>アイソトープセンター等管理業務</v>
          </cell>
          <cell r="E15" t="str">
            <v>平成１４年度　静岡県立大学アイソトープセンター等管理業務</v>
          </cell>
          <cell r="F15">
            <v>3</v>
          </cell>
          <cell r="G15" t="str">
            <v>見積合せによる随意契約</v>
          </cell>
          <cell r="H15" t="str">
            <v>㈱千代田テクノル静岡営業所</v>
          </cell>
          <cell r="I15" t="str">
            <v>本橋</v>
          </cell>
          <cell r="K15">
            <v>25463000</v>
          </cell>
          <cell r="L15">
            <v>26068350</v>
          </cell>
          <cell r="M15">
            <v>26229000</v>
          </cell>
          <cell r="N15" t="str">
            <v>部長</v>
          </cell>
          <cell r="O15">
            <v>421231545</v>
          </cell>
          <cell r="P15">
            <v>115324105</v>
          </cell>
          <cell r="Q15">
            <v>145169016</v>
          </cell>
          <cell r="R15">
            <v>2</v>
          </cell>
          <cell r="S15">
            <v>1</v>
          </cell>
          <cell r="T15">
            <v>3</v>
          </cell>
          <cell r="U15">
            <v>2</v>
          </cell>
          <cell r="V15">
            <v>1</v>
          </cell>
          <cell r="W15">
            <v>1</v>
          </cell>
          <cell r="X15" t="str">
            <v>第１０号</v>
          </cell>
          <cell r="Y15" t="str">
            <v>平成１４年３月２６日　午後２：３０</v>
          </cell>
          <cell r="Z15">
            <v>2</v>
          </cell>
          <cell r="AA15">
            <v>55</v>
          </cell>
          <cell r="AB15" t="str">
            <v>平成１４年３月２２日　午後２：４０</v>
          </cell>
          <cell r="AC15">
            <v>1</v>
          </cell>
          <cell r="AD15">
            <v>1</v>
          </cell>
        </row>
        <row r="16">
          <cell r="A16">
            <v>15</v>
          </cell>
          <cell r="B16" t="str">
            <v>年度前</v>
          </cell>
          <cell r="C16" t="str">
            <v>随契</v>
          </cell>
          <cell r="D16" t="str">
            <v>純水製造設備保守業務</v>
          </cell>
          <cell r="E16" t="str">
            <v>平成１４年度　静岡県立大学純水製造設備保守業務</v>
          </cell>
          <cell r="F16">
            <v>3</v>
          </cell>
          <cell r="G16" t="str">
            <v>見積合せによる随意契約</v>
          </cell>
          <cell r="H16" t="str">
            <v>東西化学産業㈱静岡営業所</v>
          </cell>
          <cell r="I16" t="str">
            <v>八木</v>
          </cell>
          <cell r="K16">
            <v>5379000</v>
          </cell>
          <cell r="L16">
            <v>5377050</v>
          </cell>
          <cell r="M16">
            <v>5418000</v>
          </cell>
          <cell r="N16" t="str">
            <v>局長</v>
          </cell>
          <cell r="O16">
            <v>447299895</v>
          </cell>
          <cell r="P16">
            <v>109947055</v>
          </cell>
          <cell r="Q16">
            <v>139751016</v>
          </cell>
          <cell r="R16">
            <v>2</v>
          </cell>
          <cell r="S16">
            <v>1</v>
          </cell>
          <cell r="T16">
            <v>1</v>
          </cell>
          <cell r="U16">
            <v>3</v>
          </cell>
          <cell r="V16">
            <v>1</v>
          </cell>
          <cell r="W16">
            <v>1</v>
          </cell>
          <cell r="X16" t="str">
            <v>第５号</v>
          </cell>
          <cell r="Y16" t="str">
            <v>平成１４年３月２６日　午後４：１０</v>
          </cell>
          <cell r="Z16">
            <v>2</v>
          </cell>
          <cell r="AA16">
            <v>57</v>
          </cell>
          <cell r="AB16" t="str">
            <v>平成１４年３月２２日　午後１：３０</v>
          </cell>
          <cell r="AC16">
            <v>1</v>
          </cell>
          <cell r="AD16">
            <v>1</v>
          </cell>
        </row>
        <row r="17">
          <cell r="A17">
            <v>16</v>
          </cell>
          <cell r="B17" t="str">
            <v>年度前</v>
          </cell>
          <cell r="C17" t="str">
            <v>入札</v>
          </cell>
          <cell r="D17" t="str">
            <v>単独空調機等保守点検</v>
          </cell>
          <cell r="E17" t="str">
            <v>平成１４年度　静岡県立大学単独空調機等保守点検業務</v>
          </cell>
          <cell r="F17">
            <v>1</v>
          </cell>
          <cell r="G17" t="str">
            <v>指名競争入札</v>
          </cell>
          <cell r="H17" t="str">
            <v>三菱電機ﾋﾞﾙﾃｸﾉｻｰﾋﾞｽ㈱中部支社</v>
          </cell>
          <cell r="I17" t="str">
            <v>八木</v>
          </cell>
          <cell r="K17">
            <v>5331000</v>
          </cell>
          <cell r="L17">
            <v>5322450</v>
          </cell>
          <cell r="M17">
            <v>4410000</v>
          </cell>
          <cell r="N17" t="str">
            <v>局長</v>
          </cell>
          <cell r="O17">
            <v>452676945</v>
          </cell>
          <cell r="P17">
            <v>104624605</v>
          </cell>
          <cell r="Q17">
            <v>135341016</v>
          </cell>
          <cell r="R17">
            <v>1</v>
          </cell>
          <cell r="S17">
            <v>2</v>
          </cell>
          <cell r="T17">
            <v>1</v>
          </cell>
          <cell r="U17">
            <v>3</v>
          </cell>
          <cell r="V17">
            <v>1</v>
          </cell>
          <cell r="W17">
            <v>1</v>
          </cell>
          <cell r="X17" t="str">
            <v>第２３号</v>
          </cell>
          <cell r="Y17" t="str">
            <v>平成１４年３月２６日　午後３：５０</v>
          </cell>
          <cell r="Z17">
            <v>5</v>
          </cell>
          <cell r="AA17">
            <v>59</v>
          </cell>
          <cell r="AB17" t="str">
            <v>平成１４年３月２２日　午前１１：３０</v>
          </cell>
          <cell r="AC17">
            <v>2</v>
          </cell>
          <cell r="AD17">
            <v>1</v>
          </cell>
        </row>
        <row r="18">
          <cell r="A18">
            <v>17</v>
          </cell>
          <cell r="B18" t="str">
            <v>年度前</v>
          </cell>
          <cell r="C18" t="str">
            <v>入札</v>
          </cell>
          <cell r="D18" t="str">
            <v>防そ防虫業務</v>
          </cell>
          <cell r="E18" t="str">
            <v>平成１４年度　静岡県立大学防そ防虫業務</v>
          </cell>
          <cell r="F18">
            <v>1</v>
          </cell>
          <cell r="G18" t="str">
            <v>指名競争入札</v>
          </cell>
          <cell r="H18" t="str">
            <v>静岡セントラル商事㈱</v>
          </cell>
          <cell r="I18" t="str">
            <v>八木</v>
          </cell>
          <cell r="K18">
            <v>3243000</v>
          </cell>
          <cell r="L18">
            <v>3240300</v>
          </cell>
          <cell r="M18">
            <v>3073350</v>
          </cell>
          <cell r="N18" t="str">
            <v>局長</v>
          </cell>
          <cell r="O18">
            <v>457999395</v>
          </cell>
          <cell r="P18">
            <v>101384305</v>
          </cell>
          <cell r="Q18">
            <v>132267666</v>
          </cell>
          <cell r="R18">
            <v>1</v>
          </cell>
          <cell r="S18">
            <v>2</v>
          </cell>
          <cell r="T18">
            <v>1</v>
          </cell>
          <cell r="U18">
            <v>3</v>
          </cell>
          <cell r="V18">
            <v>1</v>
          </cell>
          <cell r="W18">
            <v>1</v>
          </cell>
          <cell r="X18" t="str">
            <v>第１９号</v>
          </cell>
          <cell r="Y18" t="str">
            <v>平成１４年３月２６日　午後３：３０</v>
          </cell>
          <cell r="Z18">
            <v>5</v>
          </cell>
          <cell r="AA18">
            <v>64</v>
          </cell>
          <cell r="AB18" t="str">
            <v>平成１４年３月２２日　午前１１：１０</v>
          </cell>
          <cell r="AC18">
            <v>2</v>
          </cell>
          <cell r="AD18">
            <v>1</v>
          </cell>
        </row>
        <row r="19">
          <cell r="A19">
            <v>18</v>
          </cell>
          <cell r="B19" t="str">
            <v>年度前</v>
          </cell>
          <cell r="C19" t="str">
            <v>入札</v>
          </cell>
          <cell r="D19" t="str">
            <v>車両運行業務</v>
          </cell>
          <cell r="E19" t="str">
            <v>平成１４年度　静岡県立大学車両運行業務</v>
          </cell>
          <cell r="F19">
            <v>1</v>
          </cell>
          <cell r="G19" t="str">
            <v>指名競争入札</v>
          </cell>
          <cell r="H19" t="str">
            <v>日本道路興運㈱</v>
          </cell>
          <cell r="I19" t="str">
            <v>太田</v>
          </cell>
          <cell r="K19">
            <v>11545000</v>
          </cell>
          <cell r="L19">
            <v>11631600</v>
          </cell>
          <cell r="M19">
            <v>12126860</v>
          </cell>
          <cell r="N19" t="str">
            <v>総室長</v>
          </cell>
          <cell r="O19">
            <v>461239695</v>
          </cell>
          <cell r="P19">
            <v>89752705</v>
          </cell>
          <cell r="Q19">
            <v>120140806</v>
          </cell>
          <cell r="R19">
            <v>2</v>
          </cell>
          <cell r="S19">
            <v>2</v>
          </cell>
          <cell r="T19">
            <v>2</v>
          </cell>
          <cell r="U19">
            <v>4</v>
          </cell>
          <cell r="V19">
            <v>1</v>
          </cell>
          <cell r="W19">
            <v>1</v>
          </cell>
          <cell r="X19" t="str">
            <v>第８号</v>
          </cell>
          <cell r="Y19" t="str">
            <v>平成１４年３月２６日　午後１：３０</v>
          </cell>
          <cell r="Z19">
            <v>4</v>
          </cell>
          <cell r="AA19">
            <v>69</v>
          </cell>
          <cell r="AB19" t="str">
            <v>平成１４年３月２２日　午後１：３０</v>
          </cell>
          <cell r="AC19">
            <v>1</v>
          </cell>
          <cell r="AD19">
            <v>2</v>
          </cell>
        </row>
        <row r="20">
          <cell r="A20">
            <v>19</v>
          </cell>
          <cell r="B20" t="str">
            <v>年度前</v>
          </cell>
          <cell r="C20" t="str">
            <v>単独</v>
          </cell>
          <cell r="D20" t="str">
            <v>コンピュータ及びシステム運用管理業務</v>
          </cell>
          <cell r="E20" t="str">
            <v>平成１４年度　静岡県立大学コンピュータ及びシステム運用管理業務</v>
          </cell>
          <cell r="F20">
            <v>3</v>
          </cell>
          <cell r="G20" t="str">
            <v>単独随意契約</v>
          </cell>
          <cell r="H20" t="str">
            <v>富士通㈱静岡支店</v>
          </cell>
          <cell r="I20" t="str">
            <v>鈴木</v>
          </cell>
          <cell r="K20">
            <v>14290000</v>
          </cell>
          <cell r="L20">
            <v>11113500</v>
          </cell>
          <cell r="M20">
            <v>11576250</v>
          </cell>
          <cell r="N20" t="str">
            <v>総室長</v>
          </cell>
          <cell r="O20">
            <v>472871295</v>
          </cell>
          <cell r="P20">
            <v>78639205</v>
          </cell>
          <cell r="Q20">
            <v>108564556</v>
          </cell>
          <cell r="R20">
            <v>2</v>
          </cell>
          <cell r="S20">
            <v>1</v>
          </cell>
          <cell r="T20">
            <v>2</v>
          </cell>
          <cell r="U20">
            <v>5</v>
          </cell>
          <cell r="V20">
            <v>1</v>
          </cell>
          <cell r="W20">
            <v>1</v>
          </cell>
          <cell r="X20" t="str">
            <v>第３０１号</v>
          </cell>
          <cell r="Y20" t="str">
            <v>平成１４年３月２６日　午前１１：００</v>
          </cell>
          <cell r="Z20">
            <v>1</v>
          </cell>
          <cell r="AA20">
            <v>73</v>
          </cell>
          <cell r="AB20" t="str">
            <v>なし</v>
          </cell>
          <cell r="AC20">
            <v>1</v>
          </cell>
          <cell r="AD20">
            <v>3</v>
          </cell>
        </row>
        <row r="21">
          <cell r="A21">
            <v>20</v>
          </cell>
          <cell r="B21" t="str">
            <v>年度前</v>
          </cell>
          <cell r="C21" t="str">
            <v>随契</v>
          </cell>
          <cell r="D21" t="str">
            <v>ネットワーク運営支援業務</v>
          </cell>
          <cell r="E21" t="str">
            <v>平成１４年度　静岡県立大学ネットワーク運営支援業務</v>
          </cell>
          <cell r="F21">
            <v>2</v>
          </cell>
          <cell r="G21" t="str">
            <v>見積合せによる随意契約</v>
          </cell>
          <cell r="I21" t="str">
            <v>鈴木</v>
          </cell>
          <cell r="K21">
            <v>0</v>
          </cell>
          <cell r="L21">
            <v>9824500</v>
          </cell>
          <cell r="N21" t="str">
            <v>局長</v>
          </cell>
          <cell r="O21">
            <v>483984795</v>
          </cell>
          <cell r="P21">
            <v>68814705</v>
          </cell>
          <cell r="Q21">
            <v>108564556</v>
          </cell>
          <cell r="R21">
            <v>2</v>
          </cell>
          <cell r="S21">
            <v>1</v>
          </cell>
          <cell r="T21">
            <v>1</v>
          </cell>
          <cell r="U21">
            <v>5</v>
          </cell>
          <cell r="V21">
            <v>1</v>
          </cell>
          <cell r="W21">
            <v>1</v>
          </cell>
          <cell r="X21" t="str">
            <v>第３０４号</v>
          </cell>
          <cell r="Y21" t="str">
            <v>なし</v>
          </cell>
          <cell r="Z21">
            <v>1</v>
          </cell>
          <cell r="AA21">
            <v>74</v>
          </cell>
          <cell r="AB21" t="str">
            <v>なし</v>
          </cell>
          <cell r="AC21">
            <v>1</v>
          </cell>
          <cell r="AD21">
            <v>3</v>
          </cell>
        </row>
        <row r="22">
          <cell r="A22">
            <v>21</v>
          </cell>
          <cell r="B22" t="str">
            <v>年度前</v>
          </cell>
          <cell r="C22" t="str">
            <v>入札</v>
          </cell>
          <cell r="D22" t="str">
            <v>電子計算機操作</v>
          </cell>
          <cell r="E22" t="str">
            <v>平成１４年度　静岡県立大学電子計算機操作業務</v>
          </cell>
          <cell r="F22">
            <v>1</v>
          </cell>
          <cell r="G22" t="str">
            <v>指名競争入札</v>
          </cell>
          <cell r="H22" t="str">
            <v>㈱ティージェイエス</v>
          </cell>
          <cell r="I22" t="str">
            <v>鈴木</v>
          </cell>
          <cell r="K22">
            <v>0</v>
          </cell>
          <cell r="L22">
            <v>5888400</v>
          </cell>
          <cell r="M22">
            <v>5607000</v>
          </cell>
          <cell r="N22" t="str">
            <v>局長</v>
          </cell>
          <cell r="O22">
            <v>493809295</v>
          </cell>
          <cell r="P22">
            <v>62926305</v>
          </cell>
          <cell r="Q22">
            <v>102957556</v>
          </cell>
          <cell r="R22">
            <v>2</v>
          </cell>
          <cell r="S22">
            <v>2</v>
          </cell>
          <cell r="T22">
            <v>1</v>
          </cell>
          <cell r="U22">
            <v>5</v>
          </cell>
          <cell r="V22">
            <v>1</v>
          </cell>
          <cell r="W22">
            <v>1</v>
          </cell>
          <cell r="X22" t="str">
            <v>第３０２号</v>
          </cell>
          <cell r="Y22" t="str">
            <v>平成１４年３月２６日　午前１１：００</v>
          </cell>
          <cell r="Z22">
            <v>4</v>
          </cell>
          <cell r="AA22">
            <v>75</v>
          </cell>
          <cell r="AB22" t="str">
            <v>平成１４年３月２２日　午前９：５０</v>
          </cell>
          <cell r="AC22">
            <v>1</v>
          </cell>
          <cell r="AD22">
            <v>3</v>
          </cell>
        </row>
        <row r="23">
          <cell r="A23">
            <v>22</v>
          </cell>
          <cell r="B23" t="str">
            <v>年度前</v>
          </cell>
          <cell r="C23" t="str">
            <v>単独</v>
          </cell>
          <cell r="D23" t="str">
            <v>AV機器運用管理業務</v>
          </cell>
          <cell r="E23" t="str">
            <v>平成１４年度　静岡県立大学AV機器運用管理業務</v>
          </cell>
          <cell r="F23">
            <v>3</v>
          </cell>
          <cell r="G23" t="str">
            <v>単独随意契約</v>
          </cell>
          <cell r="H23" t="str">
            <v>静岡松下システム㈱静岡営業所</v>
          </cell>
          <cell r="I23" t="str">
            <v>鈴木</v>
          </cell>
          <cell r="K23">
            <v>3525000</v>
          </cell>
          <cell r="L23">
            <v>3521700</v>
          </cell>
          <cell r="M23">
            <v>3706500</v>
          </cell>
          <cell r="N23" t="str">
            <v>局長</v>
          </cell>
          <cell r="O23">
            <v>499697695</v>
          </cell>
          <cell r="P23">
            <v>59404605</v>
          </cell>
          <cell r="Q23">
            <v>99251056</v>
          </cell>
          <cell r="R23">
            <v>2</v>
          </cell>
          <cell r="S23">
            <v>1</v>
          </cell>
          <cell r="T23">
            <v>1</v>
          </cell>
          <cell r="U23">
            <v>5</v>
          </cell>
          <cell r="V23">
            <v>1</v>
          </cell>
          <cell r="W23">
            <v>1</v>
          </cell>
          <cell r="X23" t="str">
            <v>第１３号</v>
          </cell>
          <cell r="Z23">
            <v>1</v>
          </cell>
          <cell r="AA23">
            <v>79</v>
          </cell>
          <cell r="AC23">
            <v>1</v>
          </cell>
          <cell r="AD23">
            <v>3</v>
          </cell>
        </row>
        <row r="24">
          <cell r="A24">
            <v>23</v>
          </cell>
          <cell r="B24" t="str">
            <v>年度前</v>
          </cell>
          <cell r="C24" t="str">
            <v>単独</v>
          </cell>
          <cell r="D24" t="str">
            <v>AV機器保守点検業務</v>
          </cell>
          <cell r="E24" t="str">
            <v>平成１４年度　静岡県立大学AV機器保守点検業務</v>
          </cell>
          <cell r="F24">
            <v>3</v>
          </cell>
          <cell r="G24" t="str">
            <v>単独随意契約</v>
          </cell>
          <cell r="H24" t="str">
            <v>静岡松下システム㈱静岡営業所</v>
          </cell>
          <cell r="I24" t="str">
            <v>鈴木</v>
          </cell>
          <cell r="K24">
            <v>2524000</v>
          </cell>
          <cell r="L24">
            <v>2520000</v>
          </cell>
          <cell r="M24">
            <v>2632875</v>
          </cell>
          <cell r="N24" t="str">
            <v>局長</v>
          </cell>
          <cell r="O24">
            <v>503219395</v>
          </cell>
          <cell r="P24">
            <v>56884605</v>
          </cell>
          <cell r="Q24">
            <v>96618181</v>
          </cell>
          <cell r="R24">
            <v>2</v>
          </cell>
          <cell r="S24">
            <v>1</v>
          </cell>
          <cell r="T24">
            <v>1</v>
          </cell>
          <cell r="U24">
            <v>5</v>
          </cell>
          <cell r="V24">
            <v>1</v>
          </cell>
          <cell r="W24">
            <v>1</v>
          </cell>
          <cell r="X24" t="str">
            <v>第１５号</v>
          </cell>
          <cell r="Z24">
            <v>1</v>
          </cell>
          <cell r="AA24">
            <v>80</v>
          </cell>
          <cell r="AC24">
            <v>1</v>
          </cell>
          <cell r="AD24">
            <v>3</v>
          </cell>
        </row>
        <row r="25">
          <cell r="A25">
            <v>24</v>
          </cell>
          <cell r="B25" t="str">
            <v>年度前</v>
          </cell>
          <cell r="C25" t="str">
            <v>単独</v>
          </cell>
          <cell r="D25" t="str">
            <v>LL教室保守業務</v>
          </cell>
          <cell r="E25" t="str">
            <v>平成１４年度　静岡県立大学LL教室保守業務</v>
          </cell>
          <cell r="F25">
            <v>3</v>
          </cell>
          <cell r="G25" t="str">
            <v>単独随意契約</v>
          </cell>
          <cell r="H25" t="str">
            <v>教育産業㈱静岡営業所</v>
          </cell>
          <cell r="I25" t="str">
            <v>鈴木</v>
          </cell>
          <cell r="K25">
            <v>966000</v>
          </cell>
          <cell r="L25">
            <v>965769</v>
          </cell>
          <cell r="M25">
            <v>1005900</v>
          </cell>
          <cell r="N25" t="str">
            <v>局長</v>
          </cell>
          <cell r="O25">
            <v>505739395</v>
          </cell>
          <cell r="P25">
            <v>55918836</v>
          </cell>
          <cell r="Q25">
            <v>95612281</v>
          </cell>
          <cell r="R25">
            <v>2</v>
          </cell>
          <cell r="S25">
            <v>1</v>
          </cell>
          <cell r="T25">
            <v>1</v>
          </cell>
          <cell r="U25">
            <v>5</v>
          </cell>
          <cell r="V25">
            <v>1</v>
          </cell>
          <cell r="W25">
            <v>1</v>
          </cell>
          <cell r="X25" t="str">
            <v>第１４号</v>
          </cell>
          <cell r="Z25">
            <v>1</v>
          </cell>
          <cell r="AA25">
            <v>81</v>
          </cell>
          <cell r="AC25">
            <v>1</v>
          </cell>
          <cell r="AD25">
            <v>3</v>
          </cell>
        </row>
        <row r="26">
          <cell r="A26">
            <v>25</v>
          </cell>
          <cell r="B26" t="str">
            <v>年度前</v>
          </cell>
          <cell r="C26" t="str">
            <v>随契</v>
          </cell>
          <cell r="D26" t="str">
            <v>図書館アウトソーシング</v>
          </cell>
          <cell r="E26" t="str">
            <v>平成１４年度　静岡県立大学付属図書館業務</v>
          </cell>
          <cell r="F26">
            <v>3</v>
          </cell>
          <cell r="G26" t="str">
            <v>見積合せによる随意契約</v>
          </cell>
          <cell r="H26" t="str">
            <v>紀伊國屋静岡営業部</v>
          </cell>
          <cell r="K26">
            <v>7262000</v>
          </cell>
          <cell r="L26">
            <v>7223370</v>
          </cell>
          <cell r="M26">
            <v>7140000</v>
          </cell>
          <cell r="N26" t="str">
            <v>局長</v>
          </cell>
          <cell r="O26">
            <v>506705164</v>
          </cell>
          <cell r="P26">
            <v>48695466</v>
          </cell>
          <cell r="Q26">
            <v>88472281</v>
          </cell>
          <cell r="S26">
            <v>1</v>
          </cell>
          <cell r="T26">
            <v>1</v>
          </cell>
          <cell r="U26">
            <v>7</v>
          </cell>
          <cell r="V26">
            <v>1</v>
          </cell>
          <cell r="W26">
            <v>1</v>
          </cell>
          <cell r="X26" t="str">
            <v>第５０１号</v>
          </cell>
          <cell r="Y26" t="str">
            <v>平成１４年３月２６日　午前１１：００</v>
          </cell>
          <cell r="Z26">
            <v>3</v>
          </cell>
          <cell r="AA26">
            <v>82</v>
          </cell>
          <cell r="AB26" t="str">
            <v>平成１４年３月２２日　午前９：５０</v>
          </cell>
          <cell r="AC26">
            <v>1</v>
          </cell>
          <cell r="AD26">
            <v>4</v>
          </cell>
        </row>
        <row r="27">
          <cell r="A27">
            <v>26</v>
          </cell>
          <cell r="B27" t="str">
            <v>４月</v>
          </cell>
          <cell r="C27" t="str">
            <v>随契</v>
          </cell>
          <cell r="D27" t="str">
            <v>廃プラスチック類処理業務</v>
          </cell>
          <cell r="E27" t="str">
            <v>平成１４年度　静岡県立大学廃プラスチック類処理業務</v>
          </cell>
          <cell r="F27">
            <v>2</v>
          </cell>
          <cell r="G27" t="str">
            <v>見積合せによる随意契約</v>
          </cell>
          <cell r="H27" t="str">
            <v>都商事㈱</v>
          </cell>
          <cell r="I27" t="str">
            <v>市川</v>
          </cell>
          <cell r="K27">
            <v>228000</v>
          </cell>
          <cell r="L27">
            <v>0</v>
          </cell>
          <cell r="M27">
            <v>378000</v>
          </cell>
          <cell r="N27" t="str">
            <v>局長</v>
          </cell>
          <cell r="O27">
            <v>513928534</v>
          </cell>
          <cell r="P27">
            <v>48695466</v>
          </cell>
          <cell r="Q27">
            <v>88094281</v>
          </cell>
          <cell r="R27">
            <v>2</v>
          </cell>
          <cell r="S27">
            <v>1</v>
          </cell>
          <cell r="T27">
            <v>1</v>
          </cell>
          <cell r="U27">
            <v>1</v>
          </cell>
          <cell r="V27">
            <v>1</v>
          </cell>
          <cell r="W27">
            <v>3</v>
          </cell>
          <cell r="X27" t="str">
            <v>第４号</v>
          </cell>
          <cell r="Y27" t="str">
            <v>なし</v>
          </cell>
          <cell r="Z27">
            <v>3</v>
          </cell>
          <cell r="AA27">
            <v>85</v>
          </cell>
          <cell r="AB27" t="str">
            <v>なし</v>
          </cell>
          <cell r="AC27">
            <v>5</v>
          </cell>
          <cell r="AD27">
            <v>5</v>
          </cell>
        </row>
        <row r="28">
          <cell r="A28">
            <v>27</v>
          </cell>
          <cell r="B28" t="str">
            <v>４月</v>
          </cell>
          <cell r="C28" t="str">
            <v>入札</v>
          </cell>
          <cell r="D28" t="str">
            <v>水質等検査業務</v>
          </cell>
          <cell r="E28" t="str">
            <v>平成１４年度　静岡県立大学水質等検査業務</v>
          </cell>
          <cell r="F28">
            <v>1</v>
          </cell>
          <cell r="G28" t="str">
            <v>指名競争入札</v>
          </cell>
          <cell r="H28" t="str">
            <v>東プ㈱</v>
          </cell>
          <cell r="I28" t="str">
            <v>八木</v>
          </cell>
          <cell r="K28">
            <v>2301000</v>
          </cell>
          <cell r="L28">
            <v>2299500</v>
          </cell>
          <cell r="M28">
            <v>2205000</v>
          </cell>
          <cell r="N28" t="str">
            <v>局長</v>
          </cell>
          <cell r="O28">
            <v>513928534</v>
          </cell>
          <cell r="P28">
            <v>46395966</v>
          </cell>
          <cell r="Q28">
            <v>85889281</v>
          </cell>
          <cell r="R28">
            <v>1</v>
          </cell>
          <cell r="S28">
            <v>2</v>
          </cell>
          <cell r="T28">
            <v>1</v>
          </cell>
          <cell r="U28">
            <v>3</v>
          </cell>
          <cell r="V28">
            <v>4</v>
          </cell>
          <cell r="W28">
            <v>1</v>
          </cell>
          <cell r="X28" t="str">
            <v>第２４号</v>
          </cell>
          <cell r="Y28" t="str">
            <v>平成１４年４月１１日　午前１０：３０</v>
          </cell>
          <cell r="Z28">
            <v>4</v>
          </cell>
          <cell r="AA28">
            <v>88</v>
          </cell>
          <cell r="AB28" t="str">
            <v>なし</v>
          </cell>
          <cell r="AC28">
            <v>1</v>
          </cell>
          <cell r="AD28">
            <v>6</v>
          </cell>
        </row>
        <row r="29">
          <cell r="A29">
            <v>28</v>
          </cell>
          <cell r="B29" t="str">
            <v>４月</v>
          </cell>
          <cell r="C29" t="str">
            <v>入札</v>
          </cell>
          <cell r="D29" t="str">
            <v>貯水槽等清掃業務</v>
          </cell>
          <cell r="E29" t="str">
            <v>平成１４年度　静岡県立大学貯水槽等清掃業務</v>
          </cell>
          <cell r="F29">
            <v>1</v>
          </cell>
          <cell r="G29" t="str">
            <v>指名競争入札</v>
          </cell>
          <cell r="H29" t="str">
            <v>ニッケン消毒㈱</v>
          </cell>
          <cell r="I29" t="str">
            <v>八木</v>
          </cell>
          <cell r="K29">
            <v>1498000</v>
          </cell>
          <cell r="L29">
            <v>1496250</v>
          </cell>
          <cell r="M29">
            <v>1407000</v>
          </cell>
          <cell r="N29" t="str">
            <v>局長</v>
          </cell>
          <cell r="O29">
            <v>516228034</v>
          </cell>
          <cell r="P29">
            <v>44899716</v>
          </cell>
          <cell r="Q29">
            <v>84482281</v>
          </cell>
          <cell r="R29">
            <v>1</v>
          </cell>
          <cell r="S29">
            <v>2</v>
          </cell>
          <cell r="T29">
            <v>1</v>
          </cell>
          <cell r="U29">
            <v>3</v>
          </cell>
          <cell r="V29">
            <v>4</v>
          </cell>
          <cell r="W29">
            <v>1</v>
          </cell>
          <cell r="X29" t="str">
            <v>第２７号</v>
          </cell>
          <cell r="Y29" t="str">
            <v>平成１４年４月１１日　午前１０：４５</v>
          </cell>
          <cell r="Z29">
            <v>5</v>
          </cell>
          <cell r="AA29">
            <v>92</v>
          </cell>
          <cell r="AB29" t="str">
            <v>なし</v>
          </cell>
          <cell r="AC29">
            <v>1</v>
          </cell>
          <cell r="AD29">
            <v>7</v>
          </cell>
        </row>
        <row r="30">
          <cell r="A30">
            <v>29</v>
          </cell>
          <cell r="B30" t="str">
            <v>４月</v>
          </cell>
          <cell r="C30" t="str">
            <v>随契</v>
          </cell>
          <cell r="D30" t="str">
            <v>廃液等処理業務</v>
          </cell>
          <cell r="E30" t="str">
            <v>平成１４年度　静岡県立大学廃液等処理業務</v>
          </cell>
          <cell r="F30">
            <v>3</v>
          </cell>
          <cell r="G30" t="str">
            <v>見積合せによる随意契約</v>
          </cell>
          <cell r="H30" t="str">
            <v>アサヒプリテック㈱静岡営業所</v>
          </cell>
          <cell r="I30" t="str">
            <v>八木</v>
          </cell>
          <cell r="K30">
            <v>2970000</v>
          </cell>
          <cell r="L30">
            <v>2969900</v>
          </cell>
          <cell r="M30">
            <v>1968750</v>
          </cell>
          <cell r="N30" t="str">
            <v>局長</v>
          </cell>
          <cell r="O30">
            <v>517724284</v>
          </cell>
          <cell r="P30">
            <v>41929816</v>
          </cell>
          <cell r="Q30">
            <v>82513531</v>
          </cell>
          <cell r="R30">
            <v>2</v>
          </cell>
          <cell r="S30">
            <v>1</v>
          </cell>
          <cell r="T30">
            <v>1</v>
          </cell>
          <cell r="U30">
            <v>3</v>
          </cell>
          <cell r="V30">
            <v>1</v>
          </cell>
          <cell r="W30">
            <v>2</v>
          </cell>
          <cell r="X30" t="str">
            <v>第１２号</v>
          </cell>
          <cell r="Y30" t="str">
            <v>平成１４年４月１１日　午前１１：００</v>
          </cell>
          <cell r="Z30">
            <v>2</v>
          </cell>
          <cell r="AA30">
            <v>97</v>
          </cell>
          <cell r="AB30" t="str">
            <v>なし</v>
          </cell>
          <cell r="AC30">
            <v>1</v>
          </cell>
          <cell r="AD30">
            <v>8</v>
          </cell>
        </row>
        <row r="31">
          <cell r="A31">
            <v>30</v>
          </cell>
          <cell r="B31" t="str">
            <v>４月</v>
          </cell>
          <cell r="C31" t="str">
            <v>単独</v>
          </cell>
          <cell r="D31" t="str">
            <v>コンピュータ保守業務</v>
          </cell>
          <cell r="E31" t="str">
            <v>平成１４年度　静岡県立大学コンピュータ保守業務(ネットワーク関係)</v>
          </cell>
          <cell r="F31">
            <v>3</v>
          </cell>
          <cell r="G31" t="str">
            <v>単独随意契約</v>
          </cell>
          <cell r="H31" t="str">
            <v>富士通㈱静岡支店</v>
          </cell>
          <cell r="I31" t="str">
            <v>鈴木</v>
          </cell>
          <cell r="K31">
            <v>24251000</v>
          </cell>
          <cell r="L31">
            <v>0</v>
          </cell>
          <cell r="M31">
            <v>23730000</v>
          </cell>
          <cell r="N31" t="str">
            <v>局長</v>
          </cell>
          <cell r="O31">
            <v>520694184</v>
          </cell>
          <cell r="P31">
            <v>41929816</v>
          </cell>
          <cell r="Q31">
            <v>58783531</v>
          </cell>
          <cell r="R31">
            <v>2</v>
          </cell>
          <cell r="S31">
            <v>1</v>
          </cell>
          <cell r="T31">
            <v>1</v>
          </cell>
          <cell r="U31">
            <v>5</v>
          </cell>
          <cell r="V31">
            <v>1</v>
          </cell>
          <cell r="W31">
            <v>1</v>
          </cell>
          <cell r="X31" t="str">
            <v>第３０３号</v>
          </cell>
          <cell r="Y31" t="str">
            <v>平成１４年３月２６日　午前１１：００</v>
          </cell>
          <cell r="Z31">
            <v>1</v>
          </cell>
          <cell r="AA31">
            <v>99</v>
          </cell>
          <cell r="AB31" t="str">
            <v>平成１４年３月２２日　午前９：５０</v>
          </cell>
          <cell r="AC31">
            <v>1</v>
          </cell>
          <cell r="AD31">
            <v>9</v>
          </cell>
        </row>
        <row r="32">
          <cell r="A32">
            <v>31</v>
          </cell>
          <cell r="B32" t="str">
            <v>５月</v>
          </cell>
          <cell r="C32" t="str">
            <v>随契</v>
          </cell>
          <cell r="D32" t="str">
            <v>特別管理産業廃棄物処理業務</v>
          </cell>
          <cell r="E32" t="str">
            <v>平成１４年度　静岡県立大学特別管理産業廃棄物処理業務</v>
          </cell>
          <cell r="F32">
            <v>2</v>
          </cell>
          <cell r="G32" t="str">
            <v>見積合せによる随意契約</v>
          </cell>
          <cell r="H32" t="str">
            <v>日徳産業（有）</v>
          </cell>
          <cell r="I32" t="str">
            <v>八木</v>
          </cell>
          <cell r="K32">
            <v>83000</v>
          </cell>
          <cell r="L32">
            <v>0</v>
          </cell>
          <cell r="M32">
            <v>72450</v>
          </cell>
          <cell r="N32" t="str">
            <v>局長</v>
          </cell>
          <cell r="O32">
            <v>520694184</v>
          </cell>
          <cell r="P32">
            <v>41929816</v>
          </cell>
          <cell r="Q32">
            <v>58711081</v>
          </cell>
          <cell r="R32">
            <v>2</v>
          </cell>
          <cell r="S32">
            <v>1</v>
          </cell>
          <cell r="T32">
            <v>1</v>
          </cell>
          <cell r="U32">
            <v>3</v>
          </cell>
          <cell r="V32">
            <v>1</v>
          </cell>
          <cell r="W32">
            <v>4</v>
          </cell>
          <cell r="X32" t="str">
            <v>第３号</v>
          </cell>
          <cell r="Y32" t="str">
            <v>なし</v>
          </cell>
          <cell r="Z32">
            <v>1</v>
          </cell>
          <cell r="AA32">
            <v>100</v>
          </cell>
          <cell r="AB32" t="str">
            <v>なし</v>
          </cell>
          <cell r="AC32">
            <v>5</v>
          </cell>
          <cell r="AD32">
            <v>10</v>
          </cell>
        </row>
        <row r="33">
          <cell r="A33">
            <v>32</v>
          </cell>
          <cell r="B33" t="str">
            <v>６月</v>
          </cell>
          <cell r="C33" t="str">
            <v>随契</v>
          </cell>
          <cell r="D33" t="str">
            <v>バイオハザード対策施設保守業務</v>
          </cell>
          <cell r="E33" t="str">
            <v>平成１４年度　静岡県立大学バイオハザード対策施設保守業務</v>
          </cell>
          <cell r="F33">
            <v>3</v>
          </cell>
          <cell r="G33" t="str">
            <v>見積合せによる随意契約</v>
          </cell>
          <cell r="H33" t="str">
            <v>㈱日製サイエンス静岡支店</v>
          </cell>
          <cell r="I33" t="str">
            <v>市川</v>
          </cell>
          <cell r="K33">
            <v>5678000</v>
          </cell>
          <cell r="L33">
            <v>0</v>
          </cell>
          <cell r="M33">
            <v>5775000</v>
          </cell>
          <cell r="N33" t="str">
            <v>局長</v>
          </cell>
          <cell r="O33">
            <v>520694184</v>
          </cell>
          <cell r="P33">
            <v>41929816</v>
          </cell>
          <cell r="Q33">
            <v>52936081</v>
          </cell>
          <cell r="R33">
            <v>2</v>
          </cell>
          <cell r="S33">
            <v>1</v>
          </cell>
          <cell r="T33">
            <v>1</v>
          </cell>
          <cell r="U33">
            <v>1</v>
          </cell>
          <cell r="V33">
            <v>1</v>
          </cell>
          <cell r="W33">
            <v>6</v>
          </cell>
          <cell r="X33" t="str">
            <v>第９号</v>
          </cell>
          <cell r="Y33" t="str">
            <v>なし</v>
          </cell>
          <cell r="Z33">
            <v>4</v>
          </cell>
          <cell r="AA33">
            <v>101</v>
          </cell>
          <cell r="AB33" t="str">
            <v>なし</v>
          </cell>
          <cell r="AC33">
            <v>4</v>
          </cell>
          <cell r="AD33">
            <v>11</v>
          </cell>
        </row>
        <row r="34">
          <cell r="A34">
            <v>33</v>
          </cell>
          <cell r="B34" t="str">
            <v>６月</v>
          </cell>
          <cell r="C34" t="str">
            <v>随契</v>
          </cell>
          <cell r="D34" t="str">
            <v>汚水槽雑排水槽清掃業務</v>
          </cell>
          <cell r="E34" t="str">
            <v>平成１４年度　静岡県立大学汚水槽雑排水槽清掃業務</v>
          </cell>
          <cell r="F34">
            <v>3</v>
          </cell>
          <cell r="G34" t="str">
            <v>見積合せによる随意契約</v>
          </cell>
          <cell r="H34" t="str">
            <v>静岡ライフクリーン㈱</v>
          </cell>
          <cell r="I34" t="str">
            <v>八木</v>
          </cell>
          <cell r="K34">
            <v>888000</v>
          </cell>
          <cell r="L34">
            <v>0</v>
          </cell>
          <cell r="M34">
            <v>844200</v>
          </cell>
          <cell r="N34" t="str">
            <v>局長</v>
          </cell>
          <cell r="O34">
            <v>520694184</v>
          </cell>
          <cell r="P34">
            <v>41929816</v>
          </cell>
          <cell r="Q34">
            <v>52091881</v>
          </cell>
          <cell r="R34">
            <v>1</v>
          </cell>
          <cell r="S34">
            <v>1</v>
          </cell>
          <cell r="T34">
            <v>1</v>
          </cell>
          <cell r="U34">
            <v>3</v>
          </cell>
          <cell r="V34">
            <v>1</v>
          </cell>
          <cell r="W34">
            <v>1</v>
          </cell>
          <cell r="X34" t="str">
            <v>第３２号</v>
          </cell>
          <cell r="Y34" t="str">
            <v>なし</v>
          </cell>
          <cell r="Z34">
            <v>2</v>
          </cell>
          <cell r="AA34">
            <v>105</v>
          </cell>
          <cell r="AB34" t="str">
            <v>なし</v>
          </cell>
          <cell r="AC34">
            <v>2</v>
          </cell>
          <cell r="AD34">
            <v>12</v>
          </cell>
        </row>
        <row r="35">
          <cell r="A35">
            <v>34</v>
          </cell>
          <cell r="B35" t="str">
            <v>６月</v>
          </cell>
          <cell r="C35" t="str">
            <v>随契</v>
          </cell>
          <cell r="D35" t="str">
            <v>学長舎管理業務</v>
          </cell>
          <cell r="E35" t="str">
            <v>平成１４年度　静岡県立大学学長舎管理業務</v>
          </cell>
          <cell r="F35">
            <v>2</v>
          </cell>
          <cell r="G35" t="str">
            <v>見積合せによる随意契約</v>
          </cell>
          <cell r="H35" t="str">
            <v>㈱森造園</v>
          </cell>
          <cell r="I35" t="str">
            <v>八木</v>
          </cell>
          <cell r="J35" t="str">
            <v>主事　八木　仁</v>
          </cell>
          <cell r="K35">
            <v>134000</v>
          </cell>
          <cell r="L35">
            <v>0</v>
          </cell>
          <cell r="M35">
            <v>127050</v>
          </cell>
          <cell r="N35" t="str">
            <v>局長</v>
          </cell>
          <cell r="O35">
            <v>520694184</v>
          </cell>
          <cell r="P35">
            <v>41929816</v>
          </cell>
          <cell r="Q35">
            <v>51964831</v>
          </cell>
          <cell r="R35">
            <v>1</v>
          </cell>
          <cell r="S35">
            <v>1</v>
          </cell>
          <cell r="T35">
            <v>1</v>
          </cell>
          <cell r="U35">
            <v>3</v>
          </cell>
          <cell r="V35">
            <v>2</v>
          </cell>
          <cell r="W35">
            <v>5</v>
          </cell>
          <cell r="X35" t="str">
            <v>第３０号</v>
          </cell>
          <cell r="Y35" t="str">
            <v>なし</v>
          </cell>
          <cell r="Z35">
            <v>2</v>
          </cell>
          <cell r="AA35">
            <v>107</v>
          </cell>
          <cell r="AB35" t="str">
            <v>なし</v>
          </cell>
          <cell r="AC35">
            <v>5</v>
          </cell>
          <cell r="AD35">
            <v>13</v>
          </cell>
        </row>
        <row r="36">
          <cell r="A36">
            <v>35</v>
          </cell>
          <cell r="B36" t="str">
            <v>１月</v>
          </cell>
          <cell r="C36" t="str">
            <v>入札</v>
          </cell>
          <cell r="D36" t="str">
            <v>調整池等維持管理業務</v>
          </cell>
          <cell r="E36" t="str">
            <v>平成１４年度　静岡県立大学調整池等維持管理業務</v>
          </cell>
          <cell r="F36">
            <v>1</v>
          </cell>
          <cell r="G36" t="str">
            <v>指名競争入札</v>
          </cell>
          <cell r="I36" t="str">
            <v>八木</v>
          </cell>
          <cell r="K36">
            <v>4356000</v>
          </cell>
          <cell r="L36">
            <v>0</v>
          </cell>
          <cell r="M36">
            <v>4326000</v>
          </cell>
          <cell r="N36" t="str">
            <v>局長</v>
          </cell>
          <cell r="O36">
            <v>520694184</v>
          </cell>
          <cell r="P36">
            <v>41929816</v>
          </cell>
          <cell r="Q36">
            <v>47638831</v>
          </cell>
          <cell r="R36">
            <v>1</v>
          </cell>
          <cell r="S36">
            <v>2</v>
          </cell>
          <cell r="T36">
            <v>1</v>
          </cell>
          <cell r="U36">
            <v>3</v>
          </cell>
          <cell r="V36">
            <v>1</v>
          </cell>
          <cell r="W36">
            <v>8</v>
          </cell>
          <cell r="X36" t="str">
            <v>第２８号</v>
          </cell>
          <cell r="Y36" t="str">
            <v>なし</v>
          </cell>
          <cell r="Z36">
            <v>8</v>
          </cell>
          <cell r="AA36">
            <v>109</v>
          </cell>
          <cell r="AB36" t="str">
            <v>なし</v>
          </cell>
          <cell r="AC36">
            <v>4</v>
          </cell>
          <cell r="AD36">
            <v>14</v>
          </cell>
        </row>
        <row r="37">
          <cell r="A37">
            <v>36</v>
          </cell>
          <cell r="B37" t="str">
            <v>１月</v>
          </cell>
          <cell r="C37" t="str">
            <v>随契</v>
          </cell>
          <cell r="D37" t="str">
            <v>特殊ガス設備保守点検</v>
          </cell>
          <cell r="E37" t="str">
            <v>平成１４年度　静岡県立大学特殊ガス設備保守点検業務</v>
          </cell>
          <cell r="F37">
            <v>3</v>
          </cell>
          <cell r="G37" t="str">
            <v>見積合せによる随意契約</v>
          </cell>
          <cell r="H37" t="str">
            <v>㈱千代田静岡営業所</v>
          </cell>
          <cell r="I37" t="str">
            <v>八木</v>
          </cell>
          <cell r="K37">
            <v>4357000</v>
          </cell>
          <cell r="L37">
            <v>0</v>
          </cell>
          <cell r="M37">
            <v>4410000</v>
          </cell>
          <cell r="N37" t="str">
            <v>局長</v>
          </cell>
          <cell r="O37">
            <v>520694184</v>
          </cell>
          <cell r="P37">
            <v>41929816</v>
          </cell>
          <cell r="Q37">
            <v>43228831</v>
          </cell>
          <cell r="R37">
            <v>2</v>
          </cell>
          <cell r="S37">
            <v>1</v>
          </cell>
          <cell r="T37">
            <v>1</v>
          </cell>
          <cell r="U37">
            <v>5</v>
          </cell>
          <cell r="V37">
            <v>1</v>
          </cell>
          <cell r="W37">
            <v>7</v>
          </cell>
          <cell r="X37" t="str">
            <v>第１１号</v>
          </cell>
          <cell r="Y37" t="str">
            <v>なし</v>
          </cell>
          <cell r="Z37">
            <v>2</v>
          </cell>
          <cell r="AA37">
            <v>117</v>
          </cell>
          <cell r="AB37" t="str">
            <v>なし</v>
          </cell>
          <cell r="AC37">
            <v>4</v>
          </cell>
          <cell r="AD37">
            <v>15</v>
          </cell>
        </row>
        <row r="38">
          <cell r="A38">
            <v>37</v>
          </cell>
          <cell r="B38" t="str">
            <v>２月</v>
          </cell>
          <cell r="C38" t="str">
            <v>単独</v>
          </cell>
          <cell r="D38" t="str">
            <v>衛星放送保守点検業務</v>
          </cell>
          <cell r="E38" t="str">
            <v>平成１４年度　静岡県立大学衛星放送保守点検業務</v>
          </cell>
          <cell r="F38">
            <v>3</v>
          </cell>
          <cell r="G38" t="str">
            <v>単独随意契約</v>
          </cell>
          <cell r="H38" t="str">
            <v>㈱東芝静岡支店</v>
          </cell>
          <cell r="I38" t="str">
            <v>鈴木</v>
          </cell>
          <cell r="K38">
            <v>0</v>
          </cell>
          <cell r="L38">
            <v>0</v>
          </cell>
          <cell r="N38" t="str">
            <v>局長</v>
          </cell>
          <cell r="O38">
            <v>520694184</v>
          </cell>
          <cell r="P38">
            <v>41929816</v>
          </cell>
          <cell r="Q38">
            <v>43228831</v>
          </cell>
          <cell r="R38">
            <v>2</v>
          </cell>
          <cell r="S38">
            <v>1</v>
          </cell>
          <cell r="T38">
            <v>1</v>
          </cell>
          <cell r="U38">
            <v>5</v>
          </cell>
          <cell r="V38">
            <v>1</v>
          </cell>
          <cell r="W38">
            <v>1</v>
          </cell>
          <cell r="X38" t="str">
            <v>第１６号</v>
          </cell>
          <cell r="Y38" t="str">
            <v>なし</v>
          </cell>
          <cell r="Z38">
            <v>1</v>
          </cell>
          <cell r="AA38">
            <v>119</v>
          </cell>
          <cell r="AB38" t="str">
            <v>なし</v>
          </cell>
          <cell r="AC38">
            <v>4</v>
          </cell>
          <cell r="AD38">
            <v>16</v>
          </cell>
        </row>
        <row r="39">
          <cell r="A39">
            <v>38</v>
          </cell>
          <cell r="D39" t="str">
            <v>データ入力</v>
          </cell>
          <cell r="I39" t="str">
            <v>鈴木</v>
          </cell>
          <cell r="K39">
            <v>396000</v>
          </cell>
          <cell r="L39">
            <v>0</v>
          </cell>
          <cell r="O39">
            <v>520694184</v>
          </cell>
          <cell r="P39">
            <v>41929816</v>
          </cell>
          <cell r="Q39">
            <v>43228831</v>
          </cell>
          <cell r="R39">
            <v>2</v>
          </cell>
          <cell r="S39">
            <v>1</v>
          </cell>
          <cell r="AA39">
            <v>120</v>
          </cell>
        </row>
        <row r="40">
          <cell r="A40">
            <v>39</v>
          </cell>
          <cell r="D40" t="str">
            <v>共同利用機器保守点検等</v>
          </cell>
          <cell r="I40" t="str">
            <v>経理</v>
          </cell>
          <cell r="K40">
            <v>16010000</v>
          </cell>
          <cell r="L40">
            <v>0</v>
          </cell>
          <cell r="O40">
            <v>520694184</v>
          </cell>
          <cell r="P40">
            <v>41929816</v>
          </cell>
          <cell r="Q40">
            <v>43228831</v>
          </cell>
        </row>
        <row r="41">
          <cell r="D41" t="str">
            <v>合　　　計</v>
          </cell>
          <cell r="K41">
            <v>562624000</v>
          </cell>
          <cell r="L41">
            <v>520694184</v>
          </cell>
          <cell r="M41">
            <v>519395169</v>
          </cell>
          <cell r="P41">
            <v>41929816</v>
          </cell>
          <cell r="Q41">
            <v>43228831</v>
          </cell>
        </row>
      </sheetData>
      <sheetData sheetId="1">
        <row r="28">
          <cell r="A28">
            <v>1</v>
          </cell>
          <cell r="B28" t="str">
            <v>静岡市谷田５２番１号</v>
          </cell>
        </row>
        <row r="29">
          <cell r="A29">
            <v>2</v>
          </cell>
          <cell r="B29" t="str">
            <v>静岡市北安東１丁目２３番地の９</v>
          </cell>
        </row>
        <row r="30">
          <cell r="A30">
            <v>3</v>
          </cell>
          <cell r="B30" t="str">
            <v>静岡市谷田地内</v>
          </cell>
        </row>
        <row r="31">
          <cell r="A31">
            <v>4</v>
          </cell>
          <cell r="B31" t="str">
            <v>静岡市谷田５２番１号　外８カ所</v>
          </cell>
        </row>
        <row r="79">
          <cell r="A79">
            <v>1</v>
          </cell>
          <cell r="B79" t="str">
            <v>見積番号</v>
          </cell>
        </row>
        <row r="80">
          <cell r="A80">
            <v>2</v>
          </cell>
          <cell r="B80" t="str">
            <v>入札番号</v>
          </cell>
        </row>
      </sheetData>
      <sheetData sheetId="2">
        <row r="2">
          <cell r="A2">
            <v>1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DC1C3B4-B78E-45F5-B090-06D51B391DC7}">
  <sheetPr codeName="Sheet14">
    <tabColor rgb="FF00B0F0"/>
  </sheetPr>
  <dimension ref="A3:AD59"/>
  <sheetViews>
    <sheetView tabSelected="1" workbookViewId="0">
      <selection activeCell="I19" sqref="I19:AD19"/>
    </sheetView>
  </sheetViews>
  <sheetFormatPr defaultColWidth="3.125" defaultRowHeight="18" customHeight="1" x14ac:dyDescent="0.15"/>
  <cols>
    <col min="1" max="2" width="3.125" style="3" customWidth="1"/>
    <col min="3" max="3" width="3.75" style="3" customWidth="1"/>
    <col min="4" max="16384" width="3.125" style="3"/>
  </cols>
  <sheetData>
    <row r="3" spans="1:30" ht="18" customHeight="1" x14ac:dyDescent="0.15">
      <c r="A3" s="20" t="s">
        <v>1</v>
      </c>
      <c r="B3" s="20"/>
      <c r="C3" s="20"/>
      <c r="D3" s="20"/>
      <c r="E3" s="20"/>
      <c r="F3" s="20"/>
      <c r="G3" s="20"/>
      <c r="H3" s="20"/>
      <c r="I3" s="20"/>
      <c r="J3" s="20"/>
      <c r="K3" s="20"/>
      <c r="L3" s="20"/>
      <c r="M3" s="20"/>
      <c r="N3" s="20"/>
      <c r="O3" s="20"/>
      <c r="P3" s="20"/>
      <c r="Q3" s="20"/>
      <c r="R3" s="20"/>
      <c r="S3" s="20"/>
      <c r="T3" s="20"/>
      <c r="U3" s="20"/>
      <c r="V3" s="20"/>
      <c r="W3" s="20"/>
      <c r="X3" s="20"/>
      <c r="Y3" s="20"/>
      <c r="Z3" s="20"/>
      <c r="AA3" s="20"/>
      <c r="AB3" s="20"/>
      <c r="AC3" s="20"/>
      <c r="AD3" s="20"/>
    </row>
    <row r="4" spans="1:30" ht="18" customHeight="1" x14ac:dyDescent="0.15">
      <c r="A4" s="20"/>
      <c r="B4" s="20"/>
      <c r="C4" s="20"/>
      <c r="D4" s="20"/>
      <c r="E4" s="20"/>
      <c r="F4" s="20"/>
      <c r="G4" s="20"/>
      <c r="H4" s="20"/>
      <c r="I4" s="20"/>
      <c r="J4" s="20"/>
      <c r="K4" s="20"/>
      <c r="L4" s="20"/>
      <c r="M4" s="20"/>
      <c r="N4" s="20"/>
      <c r="O4" s="20"/>
      <c r="P4" s="20"/>
      <c r="Q4" s="20"/>
      <c r="R4" s="20"/>
      <c r="S4" s="20"/>
      <c r="T4" s="20"/>
      <c r="U4" s="20"/>
      <c r="V4" s="20"/>
      <c r="W4" s="20"/>
      <c r="X4" s="20"/>
      <c r="Y4" s="20"/>
      <c r="Z4" s="20"/>
      <c r="AA4" s="20"/>
      <c r="AB4" s="20"/>
      <c r="AC4" s="20"/>
      <c r="AD4" s="20"/>
    </row>
    <row r="5" spans="1:30" ht="18" customHeight="1" x14ac:dyDescent="0.15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  <c r="AB5" s="4"/>
      <c r="AC5" s="4"/>
      <c r="AD5" s="4"/>
    </row>
    <row r="6" spans="1:30" ht="18" customHeight="1" x14ac:dyDescent="0.15">
      <c r="E6" s="5"/>
    </row>
    <row r="7" spans="1:30" s="6" customFormat="1" ht="21.95" customHeight="1" x14ac:dyDescent="0.15">
      <c r="J7" s="1"/>
      <c r="K7" s="1"/>
      <c r="L7" s="21" t="s">
        <v>2</v>
      </c>
      <c r="M7" s="22"/>
      <c r="N7" s="22"/>
      <c r="O7" s="22"/>
      <c r="P7" s="23"/>
    </row>
    <row r="8" spans="1:30" s="6" customFormat="1" ht="21.95" customHeight="1" x14ac:dyDescent="0.15">
      <c r="C8" s="6" t="s">
        <v>3</v>
      </c>
      <c r="E8" s="7"/>
      <c r="F8" s="8"/>
      <c r="G8" s="8"/>
      <c r="H8" s="8"/>
      <c r="I8" s="7"/>
      <c r="J8" s="9"/>
      <c r="K8" s="10"/>
      <c r="L8" s="11"/>
      <c r="M8" s="10"/>
      <c r="P8" s="12"/>
      <c r="R8" s="10" t="s">
        <v>4</v>
      </c>
    </row>
    <row r="9" spans="1:30" s="6" customFormat="1" ht="21.95" customHeight="1" x14ac:dyDescent="0.15">
      <c r="B9" s="1"/>
      <c r="D9" s="1"/>
      <c r="E9" s="10"/>
      <c r="F9" s="10"/>
      <c r="G9" s="10"/>
      <c r="H9" s="10"/>
      <c r="I9" s="10"/>
      <c r="J9" s="10"/>
      <c r="K9" s="10"/>
      <c r="L9" s="13"/>
      <c r="M9" s="14"/>
      <c r="N9" s="14"/>
      <c r="O9" s="14"/>
      <c r="P9" s="15"/>
    </row>
    <row r="10" spans="1:30" s="6" customFormat="1" ht="18" customHeight="1" x14ac:dyDescent="0.15">
      <c r="D10" s="1"/>
    </row>
    <row r="11" spans="1:30" s="6" customFormat="1" ht="18" customHeight="1" x14ac:dyDescent="0.15"/>
    <row r="12" spans="1:30" s="6" customFormat="1" ht="18" customHeight="1" x14ac:dyDescent="0.15">
      <c r="B12" s="6" t="s">
        <v>5</v>
      </c>
    </row>
    <row r="13" spans="1:30" s="6" customFormat="1" ht="18" customHeight="1" x14ac:dyDescent="0.15"/>
    <row r="14" spans="1:30" s="6" customFormat="1" ht="18" customHeight="1" x14ac:dyDescent="0.15"/>
    <row r="15" spans="1:30" s="6" customFormat="1" ht="18" customHeight="1" x14ac:dyDescent="0.15"/>
    <row r="16" spans="1:30" s="6" customFormat="1" ht="18" customHeight="1" x14ac:dyDescent="0.15">
      <c r="A16" s="19" t="s">
        <v>6</v>
      </c>
      <c r="B16" s="19"/>
      <c r="C16" s="19"/>
      <c r="D16" s="19"/>
      <c r="E16" s="19"/>
      <c r="F16" s="19"/>
      <c r="G16" s="19"/>
      <c r="H16" s="19"/>
      <c r="I16" s="19"/>
      <c r="J16" s="19"/>
      <c r="K16" s="19"/>
      <c r="L16" s="19"/>
      <c r="M16" s="19"/>
      <c r="N16" s="19"/>
      <c r="O16" s="19"/>
      <c r="P16" s="19"/>
      <c r="Q16" s="19"/>
      <c r="R16" s="19"/>
      <c r="S16" s="19"/>
      <c r="T16" s="19"/>
      <c r="U16" s="19"/>
      <c r="V16" s="19"/>
      <c r="W16" s="19"/>
      <c r="X16" s="19"/>
      <c r="Y16" s="19"/>
      <c r="Z16" s="19"/>
      <c r="AA16" s="19"/>
      <c r="AB16" s="19"/>
      <c r="AC16" s="19"/>
      <c r="AD16" s="19"/>
    </row>
    <row r="17" spans="1:30" s="6" customFormat="1" ht="18" customHeight="1" x14ac:dyDescent="0.15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  <c r="AD17" s="1"/>
    </row>
    <row r="18" spans="1:30" s="6" customFormat="1" ht="18" customHeight="1" x14ac:dyDescent="0.15"/>
    <row r="19" spans="1:30" s="6" customFormat="1" ht="18" customHeight="1" x14ac:dyDescent="0.15">
      <c r="C19" s="16" t="s">
        <v>7</v>
      </c>
      <c r="D19" s="24" t="s">
        <v>0</v>
      </c>
      <c r="E19" s="24"/>
      <c r="F19" s="24"/>
      <c r="I19" s="28" t="s">
        <v>16</v>
      </c>
      <c r="J19" s="28"/>
      <c r="K19" s="28"/>
      <c r="L19" s="28"/>
      <c r="M19" s="28"/>
      <c r="N19" s="28"/>
      <c r="O19" s="28"/>
      <c r="P19" s="28"/>
      <c r="Q19" s="28"/>
      <c r="R19" s="28"/>
      <c r="S19" s="28"/>
      <c r="T19" s="28"/>
      <c r="U19" s="28"/>
      <c r="V19" s="28"/>
      <c r="W19" s="28"/>
      <c r="X19" s="28"/>
      <c r="Y19" s="28"/>
      <c r="Z19" s="28"/>
      <c r="AA19" s="28"/>
      <c r="AB19" s="28"/>
      <c r="AC19" s="28"/>
      <c r="AD19" s="28"/>
    </row>
    <row r="20" spans="1:30" s="6" customFormat="1" ht="18" customHeight="1" x14ac:dyDescent="0.15">
      <c r="C20" s="16"/>
      <c r="D20" s="17"/>
      <c r="E20" s="17"/>
      <c r="F20" s="17"/>
    </row>
    <row r="21" spans="1:30" s="6" customFormat="1" ht="18" customHeight="1" x14ac:dyDescent="0.15"/>
    <row r="22" spans="1:30" s="6" customFormat="1" ht="18" customHeight="1" x14ac:dyDescent="0.15">
      <c r="C22" s="25" t="s">
        <v>8</v>
      </c>
      <c r="D22" s="26" t="s">
        <v>9</v>
      </c>
      <c r="E22" s="26"/>
      <c r="F22" s="26"/>
      <c r="I22" s="27" t="s">
        <v>15</v>
      </c>
      <c r="J22" s="27"/>
      <c r="K22" s="27"/>
      <c r="L22" s="27"/>
      <c r="M22" s="27"/>
      <c r="N22" s="27"/>
      <c r="O22" s="27"/>
      <c r="P22" s="27"/>
      <c r="Q22" s="27"/>
      <c r="R22" s="27"/>
      <c r="S22" s="27"/>
      <c r="T22" s="27"/>
      <c r="U22" s="27"/>
      <c r="V22" s="27"/>
      <c r="W22" s="27"/>
      <c r="X22" s="27"/>
      <c r="Y22" s="27"/>
      <c r="Z22" s="27"/>
      <c r="AA22" s="27"/>
      <c r="AB22" s="27"/>
      <c r="AC22" s="27"/>
      <c r="AD22" s="27"/>
    </row>
    <row r="23" spans="1:30" s="6" customFormat="1" ht="18" customHeight="1" x14ac:dyDescent="0.15">
      <c r="C23" s="25"/>
      <c r="D23" s="26"/>
      <c r="E23" s="26"/>
      <c r="F23" s="26"/>
      <c r="I23" s="27"/>
      <c r="J23" s="27"/>
      <c r="K23" s="27"/>
      <c r="L23" s="27"/>
      <c r="M23" s="27"/>
      <c r="N23" s="27"/>
      <c r="O23" s="27"/>
      <c r="P23" s="27"/>
      <c r="Q23" s="27"/>
      <c r="R23" s="27"/>
      <c r="S23" s="27"/>
      <c r="T23" s="27"/>
      <c r="U23" s="27"/>
      <c r="V23" s="27"/>
      <c r="W23" s="27"/>
      <c r="X23" s="27"/>
      <c r="Y23" s="27"/>
      <c r="Z23" s="27"/>
      <c r="AA23" s="27"/>
      <c r="AB23" s="27"/>
      <c r="AC23" s="27"/>
      <c r="AD23" s="27"/>
    </row>
    <row r="24" spans="1:30" s="6" customFormat="1" ht="18" customHeight="1" x14ac:dyDescent="0.15">
      <c r="E24" s="18"/>
    </row>
    <row r="25" spans="1:30" s="6" customFormat="1" ht="18" customHeight="1" x14ac:dyDescent="0.15"/>
    <row r="26" spans="1:30" s="6" customFormat="1" ht="18" customHeight="1" x14ac:dyDescent="0.15"/>
    <row r="27" spans="1:30" s="6" customFormat="1" ht="18" customHeight="1" x14ac:dyDescent="0.15"/>
    <row r="28" spans="1:30" s="6" customFormat="1" ht="18" customHeight="1" x14ac:dyDescent="0.15">
      <c r="E28" s="19" t="s">
        <v>10</v>
      </c>
      <c r="F28" s="19"/>
      <c r="G28" s="19"/>
      <c r="H28" s="19"/>
      <c r="I28" s="19"/>
      <c r="J28" s="19"/>
      <c r="K28" s="19"/>
      <c r="L28" s="19"/>
      <c r="M28" s="19"/>
      <c r="N28" s="19"/>
    </row>
    <row r="29" spans="1:30" s="6" customFormat="1" ht="18" customHeight="1" x14ac:dyDescent="0.15"/>
    <row r="30" spans="1:30" s="6" customFormat="1" ht="18" customHeight="1" x14ac:dyDescent="0.15"/>
    <row r="31" spans="1:30" s="6" customFormat="1" ht="18" customHeight="1" x14ac:dyDescent="0.15"/>
    <row r="32" spans="1:30" s="6" customFormat="1" ht="18" customHeight="1" x14ac:dyDescent="0.15"/>
    <row r="33" spans="9:13" s="6" customFormat="1" ht="18" customHeight="1" x14ac:dyDescent="0.15">
      <c r="M33" s="6" t="s">
        <v>11</v>
      </c>
    </row>
    <row r="34" spans="9:13" s="6" customFormat="1" ht="18" customHeight="1" x14ac:dyDescent="0.15">
      <c r="M34" s="6" t="s">
        <v>12</v>
      </c>
    </row>
    <row r="35" spans="9:13" s="6" customFormat="1" ht="18" customHeight="1" x14ac:dyDescent="0.15">
      <c r="M35" s="6" t="s">
        <v>13</v>
      </c>
    </row>
    <row r="36" spans="9:13" s="2" customFormat="1" ht="18" customHeight="1" x14ac:dyDescent="0.15"/>
    <row r="37" spans="9:13" s="2" customFormat="1" ht="18" customHeight="1" x14ac:dyDescent="0.15">
      <c r="I37" s="2" t="s">
        <v>14</v>
      </c>
    </row>
    <row r="38" spans="9:13" s="2" customFormat="1" ht="18" customHeight="1" x14ac:dyDescent="0.15"/>
    <row r="39" spans="9:13" s="2" customFormat="1" ht="18" customHeight="1" x14ac:dyDescent="0.15"/>
    <row r="40" spans="9:13" s="2" customFormat="1" ht="18" customHeight="1" x14ac:dyDescent="0.15"/>
    <row r="41" spans="9:13" s="2" customFormat="1" ht="18" customHeight="1" x14ac:dyDescent="0.15"/>
    <row r="42" spans="9:13" s="2" customFormat="1" ht="18" customHeight="1" x14ac:dyDescent="0.15"/>
    <row r="43" spans="9:13" s="2" customFormat="1" ht="18" customHeight="1" x14ac:dyDescent="0.15"/>
    <row r="44" spans="9:13" s="2" customFormat="1" ht="18" customHeight="1" x14ac:dyDescent="0.15"/>
    <row r="45" spans="9:13" s="2" customFormat="1" ht="18" customHeight="1" x14ac:dyDescent="0.15"/>
    <row r="46" spans="9:13" s="2" customFormat="1" ht="18" customHeight="1" x14ac:dyDescent="0.15"/>
    <row r="47" spans="9:13" s="2" customFormat="1" ht="18" customHeight="1" x14ac:dyDescent="0.15"/>
    <row r="48" spans="9:13" s="2" customFormat="1" ht="18" customHeight="1" x14ac:dyDescent="0.15"/>
    <row r="49" s="2" customFormat="1" ht="18" customHeight="1" x14ac:dyDescent="0.15"/>
    <row r="50" s="2" customFormat="1" ht="18" customHeight="1" x14ac:dyDescent="0.15"/>
    <row r="51" s="2" customFormat="1" ht="18" customHeight="1" x14ac:dyDescent="0.15"/>
    <row r="52" s="2" customFormat="1" ht="18" customHeight="1" x14ac:dyDescent="0.15"/>
    <row r="53" s="2" customFormat="1" ht="18" customHeight="1" x14ac:dyDescent="0.15"/>
    <row r="54" s="2" customFormat="1" ht="18" customHeight="1" x14ac:dyDescent="0.15"/>
    <row r="55" s="2" customFormat="1" ht="18" customHeight="1" x14ac:dyDescent="0.15"/>
    <row r="56" s="2" customFormat="1" ht="18" customHeight="1" x14ac:dyDescent="0.15"/>
    <row r="57" s="2" customFormat="1" ht="18" customHeight="1" x14ac:dyDescent="0.15"/>
    <row r="58" s="2" customFormat="1" ht="18" customHeight="1" x14ac:dyDescent="0.15"/>
    <row r="59" s="2" customFormat="1" ht="18" customHeight="1" x14ac:dyDescent="0.15"/>
  </sheetData>
  <mergeCells count="9">
    <mergeCell ref="E28:N28"/>
    <mergeCell ref="A3:AD4"/>
    <mergeCell ref="L7:P7"/>
    <mergeCell ref="A16:AD16"/>
    <mergeCell ref="D19:F19"/>
    <mergeCell ref="I19:AD19"/>
    <mergeCell ref="C22:C23"/>
    <mergeCell ref="D22:F23"/>
    <mergeCell ref="I22:AD23"/>
  </mergeCells>
  <phoneticPr fontId="1"/>
  <pageMargins left="0.51181102362204722" right="0.35433070866141736" top="0.6692913385826772" bottom="0.74803149606299213" header="0.51181102362204722" footer="0.31496062992125984"/>
  <pageSetup paperSize="9" orientation="portrait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委任</vt:lpstr>
    </vt:vector>
  </TitlesOfParts>
  <Company>公立大学法人　静岡文化芸術大学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鈴木 康博</dc:creator>
  <cp:lastModifiedBy>朝日 幸一</cp:lastModifiedBy>
  <cp:lastPrinted>2023-08-17T08:10:45Z</cp:lastPrinted>
  <dcterms:created xsi:type="dcterms:W3CDTF">2023-08-17T07:19:46Z</dcterms:created>
  <dcterms:modified xsi:type="dcterms:W3CDTF">2023-11-01T05:21:38Z</dcterms:modified>
</cp:coreProperties>
</file>